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19"/>
  </p:notesMasterIdLst>
  <p:handoutMasterIdLst>
    <p:handoutMasterId r:id="rId20"/>
  </p:handoutMasterIdLst>
  <p:sldIdLst>
    <p:sldId id="830" r:id="rId7"/>
    <p:sldId id="821" r:id="rId8"/>
    <p:sldId id="832" r:id="rId9"/>
    <p:sldId id="851" r:id="rId10"/>
    <p:sldId id="835" r:id="rId11"/>
    <p:sldId id="842" r:id="rId12"/>
    <p:sldId id="843" r:id="rId13"/>
    <p:sldId id="844" r:id="rId14"/>
    <p:sldId id="847" r:id="rId15"/>
    <p:sldId id="848" r:id="rId16"/>
    <p:sldId id="849" r:id="rId17"/>
    <p:sldId id="850" r:id="rId18"/>
  </p:sldIdLst>
  <p:sldSz cx="12192000" cy="6858000"/>
  <p:notesSz cx="6858000" cy="9144000"/>
  <p:embeddedFontLst>
    <p:embeddedFont>
      <p:font typeface="Myriad for Rabobank" panose="020B0604020202020204" charset="0"/>
      <p:regular r:id="rId21"/>
      <p:bold r:id="rId22"/>
      <p:italic r:id="rId23"/>
      <p:boldItalic r:id="rId24"/>
    </p:embeddedFont>
    <p:embeddedFont>
      <p:font typeface="Myriad for Rabobank Bd It" panose="020B0604020202020204" charset="0"/>
      <p:regular r:id="rId25"/>
      <p:bold r:id="rId26"/>
      <p:italic r:id="rId27"/>
      <p:boldItalic r:id="rId28"/>
    </p:embeddedFont>
    <p:embeddedFont>
      <p:font typeface="Myriad for Rabobank It" panose="020B0604020202020204" charset="0"/>
      <p:regular r:id="rId29"/>
      <p:bold r:id="rId30"/>
      <p:italic r:id="rId31"/>
      <p:boldItalic r:id="rId32"/>
    </p:embeddedFont>
    <p:embeddedFont>
      <p:font typeface="Myriad for Rabobank Lt" panose="020B0604020202020204" charset="0"/>
      <p:regular r:id="rId33"/>
      <p:bold r:id="rId34"/>
      <p:italic r:id="rId35"/>
      <p:boldItalic r:id="rId36"/>
    </p:embeddedFont>
    <p:embeddedFont>
      <p:font typeface="Myriad for Rabobank SBd" panose="020B0604020202020204" charset="0"/>
      <p:regular r:id="rId37"/>
      <p:bold r:id="rId38"/>
      <p:italic r:id="rId39"/>
      <p:boldItalic r:id="rId40"/>
    </p:embeddedFont>
    <p:embeddedFont>
      <p:font typeface="Myriad for Rabobank SBd It" panose="020B0604020202020204" charset="0"/>
      <p:regular r:id="rId41"/>
      <p:bold r:id="rId42"/>
      <p:italic r:id="rId43"/>
      <p:boldItalic r:id="rId44"/>
    </p:embeddedFont>
    <p:embeddedFont>
      <p:font typeface="Myriad Pro" panose="020B0503030403020204" charset="0"/>
      <p:regular r:id="rId45"/>
      <p:bold r:id="rId46"/>
      <p:italic r:id="rId47"/>
      <p:boldItalic r:id="rId4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60"/>
    <a:srgbClr val="000FAA"/>
    <a:srgbClr val="0058FF"/>
    <a:srgbClr val="D8D9DA"/>
    <a:srgbClr val="E6E6E6"/>
    <a:srgbClr val="003EBC"/>
    <a:srgbClr val="34AD6C"/>
    <a:srgbClr val="F3F2F1"/>
    <a:srgbClr val="EFEFEF"/>
    <a:srgbClr val="00002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A27F2B9-7F46-4FBC-8156-151BC2D45A35}" v="4" dt="2023-04-10T22:10:41.09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6358" autoAdjust="0"/>
    <p:restoredTop sz="96327" autoAdjust="0"/>
  </p:normalViewPr>
  <p:slideViewPr>
    <p:cSldViewPr snapToGrid="0">
      <p:cViewPr varScale="1">
        <p:scale>
          <a:sx n="90" d="100"/>
          <a:sy n="90" d="100"/>
        </p:scale>
        <p:origin x="66" y="378"/>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p:scale>
          <a:sx n="1" d="2"/>
          <a:sy n="1" d="2"/>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font" Target="fonts/font6.fntdata"/><Relationship Id="rId39" Type="http://schemas.openxmlformats.org/officeDocument/2006/relationships/font" Target="fonts/font19.fntdata"/><Relationship Id="rId21" Type="http://schemas.openxmlformats.org/officeDocument/2006/relationships/font" Target="fonts/font1.fntdata"/><Relationship Id="rId34" Type="http://schemas.openxmlformats.org/officeDocument/2006/relationships/font" Target="fonts/font14.fntdata"/><Relationship Id="rId42" Type="http://schemas.openxmlformats.org/officeDocument/2006/relationships/font" Target="fonts/font22.fntdata"/><Relationship Id="rId47" Type="http://schemas.openxmlformats.org/officeDocument/2006/relationships/font" Target="fonts/font27.fntdata"/><Relationship Id="rId50" Type="http://schemas.openxmlformats.org/officeDocument/2006/relationships/viewProps" Target="viewProps.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font" Target="fonts/font9.fntdata"/><Relationship Id="rId11" Type="http://schemas.openxmlformats.org/officeDocument/2006/relationships/slide" Target="slides/slide5.xml"/><Relationship Id="rId24" Type="http://schemas.openxmlformats.org/officeDocument/2006/relationships/font" Target="fonts/font4.fntdata"/><Relationship Id="rId32" Type="http://schemas.openxmlformats.org/officeDocument/2006/relationships/font" Target="fonts/font12.fntdata"/><Relationship Id="rId37" Type="http://schemas.openxmlformats.org/officeDocument/2006/relationships/font" Target="fonts/font17.fntdata"/><Relationship Id="rId40" Type="http://schemas.openxmlformats.org/officeDocument/2006/relationships/font" Target="fonts/font20.fntdata"/><Relationship Id="rId45" Type="http://schemas.openxmlformats.org/officeDocument/2006/relationships/font" Target="fonts/font25.fntdata"/><Relationship Id="rId53" Type="http://schemas.microsoft.com/office/2016/11/relationships/changesInfo" Target="changesInfos/changesInfo1.xml"/><Relationship Id="rId5" Type="http://schemas.openxmlformats.org/officeDocument/2006/relationships/customXml" Target="../customXml/item5.xml"/><Relationship Id="rId10" Type="http://schemas.openxmlformats.org/officeDocument/2006/relationships/slide" Target="slides/slide4.xml"/><Relationship Id="rId19" Type="http://schemas.openxmlformats.org/officeDocument/2006/relationships/notesMaster" Target="notesMasters/notesMaster1.xml"/><Relationship Id="rId31" Type="http://schemas.openxmlformats.org/officeDocument/2006/relationships/font" Target="fonts/font11.fntdata"/><Relationship Id="rId44" Type="http://schemas.openxmlformats.org/officeDocument/2006/relationships/font" Target="fonts/font24.fntdata"/><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font" Target="fonts/font15.fntdata"/><Relationship Id="rId43" Type="http://schemas.openxmlformats.org/officeDocument/2006/relationships/font" Target="fonts/font23.fntdata"/><Relationship Id="rId48" Type="http://schemas.openxmlformats.org/officeDocument/2006/relationships/font" Target="fonts/font28.fntdata"/><Relationship Id="rId8" Type="http://schemas.openxmlformats.org/officeDocument/2006/relationships/slide" Target="slides/slide2.xml"/><Relationship Id="rId51"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font" Target="fonts/font5.fntdata"/><Relationship Id="rId33" Type="http://schemas.openxmlformats.org/officeDocument/2006/relationships/font" Target="fonts/font13.fntdata"/><Relationship Id="rId38" Type="http://schemas.openxmlformats.org/officeDocument/2006/relationships/font" Target="fonts/font18.fntdata"/><Relationship Id="rId46" Type="http://schemas.openxmlformats.org/officeDocument/2006/relationships/font" Target="fonts/font26.fntdata"/><Relationship Id="rId20" Type="http://schemas.openxmlformats.org/officeDocument/2006/relationships/handoutMaster" Target="handoutMasters/handoutMaster1.xml"/><Relationship Id="rId41" Type="http://schemas.openxmlformats.org/officeDocument/2006/relationships/font" Target="fonts/font21.fntdata"/><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font" Target="fonts/font3.fntdata"/><Relationship Id="rId28" Type="http://schemas.openxmlformats.org/officeDocument/2006/relationships/font" Target="fonts/font8.fntdata"/><Relationship Id="rId36" Type="http://schemas.openxmlformats.org/officeDocument/2006/relationships/font" Target="fonts/font16.fntdata"/><Relationship Id="rId49"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recht Nys" userId="8e187b20a541708e" providerId="LiveId" clId="{4A27F2B9-7F46-4FBC-8156-151BC2D45A35}"/>
    <pc:docChg chg="undo custSel addSld delSld modSld">
      <pc:chgData name="Brecht Nys" userId="8e187b20a541708e" providerId="LiveId" clId="{4A27F2B9-7F46-4FBC-8156-151BC2D45A35}" dt="2023-04-10T22:57:33.538" v="440" actId="1076"/>
      <pc:docMkLst>
        <pc:docMk/>
      </pc:docMkLst>
      <pc:sldChg chg="delSp modSp mod">
        <pc:chgData name="Brecht Nys" userId="8e187b20a541708e" providerId="LiveId" clId="{4A27F2B9-7F46-4FBC-8156-151BC2D45A35}" dt="2023-04-10T21:12:24.976" v="46" actId="1036"/>
        <pc:sldMkLst>
          <pc:docMk/>
          <pc:sldMk cId="3483934314" sldId="821"/>
        </pc:sldMkLst>
        <pc:spChg chg="del">
          <ac:chgData name="Brecht Nys" userId="8e187b20a541708e" providerId="LiveId" clId="{4A27F2B9-7F46-4FBC-8156-151BC2D45A35}" dt="2023-04-10T21:10:49.800" v="0" actId="478"/>
          <ac:spMkLst>
            <pc:docMk/>
            <pc:sldMk cId="3483934314" sldId="821"/>
            <ac:spMk id="3" creationId="{907196DC-5EE3-6096-0D3D-0036808A5DE5}"/>
          </ac:spMkLst>
        </pc:spChg>
        <pc:spChg chg="mod">
          <ac:chgData name="Brecht Nys" userId="8e187b20a541708e" providerId="LiveId" clId="{4A27F2B9-7F46-4FBC-8156-151BC2D45A35}" dt="2023-04-10T21:11:18.429" v="13" actId="554"/>
          <ac:spMkLst>
            <pc:docMk/>
            <pc:sldMk cId="3483934314" sldId="821"/>
            <ac:spMk id="6" creationId="{EA9D07E0-A5C6-86C9-3B2A-69EA97E6B596}"/>
          </ac:spMkLst>
        </pc:spChg>
        <pc:spChg chg="mod">
          <ac:chgData name="Brecht Nys" userId="8e187b20a541708e" providerId="LiveId" clId="{4A27F2B9-7F46-4FBC-8156-151BC2D45A35}" dt="2023-04-10T21:11:18.429" v="13" actId="554"/>
          <ac:spMkLst>
            <pc:docMk/>
            <pc:sldMk cId="3483934314" sldId="821"/>
            <ac:spMk id="7" creationId="{3B86108A-7AF6-C128-3538-E3129D1F76F6}"/>
          </ac:spMkLst>
        </pc:spChg>
        <pc:spChg chg="mod">
          <ac:chgData name="Brecht Nys" userId="8e187b20a541708e" providerId="LiveId" clId="{4A27F2B9-7F46-4FBC-8156-151BC2D45A35}" dt="2023-04-10T21:11:33.518" v="17" actId="12788"/>
          <ac:spMkLst>
            <pc:docMk/>
            <pc:sldMk cId="3483934314" sldId="821"/>
            <ac:spMk id="8" creationId="{7C259A82-2B28-B7A5-116E-6429B8DC1E00}"/>
          </ac:spMkLst>
        </pc:spChg>
        <pc:spChg chg="del">
          <ac:chgData name="Brecht Nys" userId="8e187b20a541708e" providerId="LiveId" clId="{4A27F2B9-7F46-4FBC-8156-151BC2D45A35}" dt="2023-04-10T21:10:49.800" v="0" actId="478"/>
          <ac:spMkLst>
            <pc:docMk/>
            <pc:sldMk cId="3483934314" sldId="821"/>
            <ac:spMk id="9" creationId="{98A78A18-825E-C595-B308-29F28B0C2017}"/>
          </ac:spMkLst>
        </pc:spChg>
        <pc:spChg chg="del">
          <ac:chgData name="Brecht Nys" userId="8e187b20a541708e" providerId="LiveId" clId="{4A27F2B9-7F46-4FBC-8156-151BC2D45A35}" dt="2023-04-10T21:10:49.800" v="0" actId="478"/>
          <ac:spMkLst>
            <pc:docMk/>
            <pc:sldMk cId="3483934314" sldId="821"/>
            <ac:spMk id="10" creationId="{69C24F2A-80FB-A4C8-4845-7634C6D7F389}"/>
          </ac:spMkLst>
        </pc:spChg>
        <pc:spChg chg="mod">
          <ac:chgData name="Brecht Nys" userId="8e187b20a541708e" providerId="LiveId" clId="{4A27F2B9-7F46-4FBC-8156-151BC2D45A35}" dt="2023-04-10T21:12:02.628" v="32" actId="1036"/>
          <ac:spMkLst>
            <pc:docMk/>
            <pc:sldMk cId="3483934314" sldId="821"/>
            <ac:spMk id="14" creationId="{DCB9BDD5-A700-4E32-2871-F20697599D28}"/>
          </ac:spMkLst>
        </pc:spChg>
        <pc:spChg chg="mod">
          <ac:chgData name="Brecht Nys" userId="8e187b20a541708e" providerId="LiveId" clId="{4A27F2B9-7F46-4FBC-8156-151BC2D45A35}" dt="2023-04-10T21:12:02.628" v="32" actId="1036"/>
          <ac:spMkLst>
            <pc:docMk/>
            <pc:sldMk cId="3483934314" sldId="821"/>
            <ac:spMk id="15" creationId="{13B68796-0446-361E-2749-848866C53D7E}"/>
          </ac:spMkLst>
        </pc:spChg>
        <pc:spChg chg="mod">
          <ac:chgData name="Brecht Nys" userId="8e187b20a541708e" providerId="LiveId" clId="{4A27F2B9-7F46-4FBC-8156-151BC2D45A35}" dt="2023-04-10T21:12:02.628" v="32" actId="1036"/>
          <ac:spMkLst>
            <pc:docMk/>
            <pc:sldMk cId="3483934314" sldId="821"/>
            <ac:spMk id="16" creationId="{6636AB43-34F2-5A6F-CCC1-352568226909}"/>
          </ac:spMkLst>
        </pc:spChg>
        <pc:spChg chg="mod">
          <ac:chgData name="Brecht Nys" userId="8e187b20a541708e" providerId="LiveId" clId="{4A27F2B9-7F46-4FBC-8156-151BC2D45A35}" dt="2023-04-10T21:12:24.976" v="46" actId="1036"/>
          <ac:spMkLst>
            <pc:docMk/>
            <pc:sldMk cId="3483934314" sldId="821"/>
            <ac:spMk id="17" creationId="{76FB6254-5555-D084-7C16-D7ED2802050A}"/>
          </ac:spMkLst>
        </pc:spChg>
        <pc:spChg chg="mod">
          <ac:chgData name="Brecht Nys" userId="8e187b20a541708e" providerId="LiveId" clId="{4A27F2B9-7F46-4FBC-8156-151BC2D45A35}" dt="2023-04-10T21:12:24.976" v="46" actId="1036"/>
          <ac:spMkLst>
            <pc:docMk/>
            <pc:sldMk cId="3483934314" sldId="821"/>
            <ac:spMk id="18" creationId="{CE08E418-6377-B2AF-7447-B8BCFA277450}"/>
          </ac:spMkLst>
        </pc:spChg>
        <pc:spChg chg="mod">
          <ac:chgData name="Brecht Nys" userId="8e187b20a541708e" providerId="LiveId" clId="{4A27F2B9-7F46-4FBC-8156-151BC2D45A35}" dt="2023-04-10T21:12:24.976" v="46" actId="1036"/>
          <ac:spMkLst>
            <pc:docMk/>
            <pc:sldMk cId="3483934314" sldId="821"/>
            <ac:spMk id="19" creationId="{4A5C37BD-0855-3F66-8F29-24140BB80B28}"/>
          </ac:spMkLst>
        </pc:spChg>
        <pc:picChg chg="del">
          <ac:chgData name="Brecht Nys" userId="8e187b20a541708e" providerId="LiveId" clId="{4A27F2B9-7F46-4FBC-8156-151BC2D45A35}" dt="2023-04-10T21:10:49.800" v="0" actId="478"/>
          <ac:picMkLst>
            <pc:docMk/>
            <pc:sldMk cId="3483934314" sldId="821"/>
            <ac:picMk id="13" creationId="{E42525A9-8A87-0030-B929-1964E1BE0E1B}"/>
          </ac:picMkLst>
        </pc:picChg>
        <pc:picChg chg="mod">
          <ac:chgData name="Brecht Nys" userId="8e187b20a541708e" providerId="LiveId" clId="{4A27F2B9-7F46-4FBC-8156-151BC2D45A35}" dt="2023-04-10T21:11:25.296" v="15" actId="1076"/>
          <ac:picMkLst>
            <pc:docMk/>
            <pc:sldMk cId="3483934314" sldId="821"/>
            <ac:picMk id="20" creationId="{214981DB-E871-049C-E78A-18094843428C}"/>
          </ac:picMkLst>
        </pc:picChg>
        <pc:picChg chg="mod">
          <ac:chgData name="Brecht Nys" userId="8e187b20a541708e" providerId="LiveId" clId="{4A27F2B9-7F46-4FBC-8156-151BC2D45A35}" dt="2023-04-10T21:11:33.518" v="17" actId="12788"/>
          <ac:picMkLst>
            <pc:docMk/>
            <pc:sldMk cId="3483934314" sldId="821"/>
            <ac:picMk id="21" creationId="{A91BB158-B157-4A2E-4E1A-8F9EDC314196}"/>
          </ac:picMkLst>
        </pc:picChg>
        <pc:picChg chg="mod">
          <ac:chgData name="Brecht Nys" userId="8e187b20a541708e" providerId="LiveId" clId="{4A27F2B9-7F46-4FBC-8156-151BC2D45A35}" dt="2023-04-10T21:11:23.665" v="14" actId="1076"/>
          <ac:picMkLst>
            <pc:docMk/>
            <pc:sldMk cId="3483934314" sldId="821"/>
            <ac:picMk id="24" creationId="{97CFDB34-EFE0-9925-FA6A-D553E5A0816B}"/>
          </ac:picMkLst>
        </pc:picChg>
      </pc:sldChg>
      <pc:sldChg chg="modSp mod">
        <pc:chgData name="Brecht Nys" userId="8e187b20a541708e" providerId="LiveId" clId="{4A27F2B9-7F46-4FBC-8156-151BC2D45A35}" dt="2023-04-10T21:23:19.796" v="74" actId="14100"/>
        <pc:sldMkLst>
          <pc:docMk/>
          <pc:sldMk cId="1777398863" sldId="830"/>
        </pc:sldMkLst>
        <pc:spChg chg="mod">
          <ac:chgData name="Brecht Nys" userId="8e187b20a541708e" providerId="LiveId" clId="{4A27F2B9-7F46-4FBC-8156-151BC2D45A35}" dt="2023-04-10T21:23:19.796" v="74" actId="14100"/>
          <ac:spMkLst>
            <pc:docMk/>
            <pc:sldMk cId="1777398863" sldId="830"/>
            <ac:spMk id="8" creationId="{F6464A43-5B80-4854-9FC3-E00F515DC04B}"/>
          </ac:spMkLst>
        </pc:spChg>
      </pc:sldChg>
      <pc:sldChg chg="del">
        <pc:chgData name="Brecht Nys" userId="8e187b20a541708e" providerId="LiveId" clId="{4A27F2B9-7F46-4FBC-8156-151BC2D45A35}" dt="2023-04-10T21:12:31.176" v="47" actId="47"/>
        <pc:sldMkLst>
          <pc:docMk/>
          <pc:sldMk cId="3028581465" sldId="831"/>
        </pc:sldMkLst>
      </pc:sldChg>
      <pc:sldChg chg="addSp modSp mod">
        <pc:chgData name="Brecht Nys" userId="8e187b20a541708e" providerId="LiveId" clId="{4A27F2B9-7F46-4FBC-8156-151BC2D45A35}" dt="2023-04-10T22:56:55.591" v="438"/>
        <pc:sldMkLst>
          <pc:docMk/>
          <pc:sldMk cId="1481987114" sldId="832"/>
        </pc:sldMkLst>
        <pc:spChg chg="add mod">
          <ac:chgData name="Brecht Nys" userId="8e187b20a541708e" providerId="LiveId" clId="{4A27F2B9-7F46-4FBC-8156-151BC2D45A35}" dt="2023-04-10T22:29:33.574" v="437" actId="14100"/>
          <ac:spMkLst>
            <pc:docMk/>
            <pc:sldMk cId="1481987114" sldId="832"/>
            <ac:spMk id="3" creationId="{307BBE8E-1395-24F0-2B6E-BDD6C71E5DD7}"/>
          </ac:spMkLst>
        </pc:spChg>
        <pc:spChg chg="mod">
          <ac:chgData name="Brecht Nys" userId="8e187b20a541708e" providerId="LiveId" clId="{4A27F2B9-7F46-4FBC-8156-151BC2D45A35}" dt="2023-04-10T22:56:55.591" v="438"/>
          <ac:spMkLst>
            <pc:docMk/>
            <pc:sldMk cId="1481987114" sldId="832"/>
            <ac:spMk id="10" creationId="{69C24F2A-80FB-A4C8-4845-7634C6D7F389}"/>
          </ac:spMkLst>
        </pc:spChg>
      </pc:sldChg>
      <pc:sldChg chg="modSp mod">
        <pc:chgData name="Brecht Nys" userId="8e187b20a541708e" providerId="LiveId" clId="{4A27F2B9-7F46-4FBC-8156-151BC2D45A35}" dt="2023-04-10T21:55:27.015" v="75" actId="20577"/>
        <pc:sldMkLst>
          <pc:docMk/>
          <pc:sldMk cId="1573580644" sldId="835"/>
        </pc:sldMkLst>
        <pc:spChg chg="mod">
          <ac:chgData name="Brecht Nys" userId="8e187b20a541708e" providerId="LiveId" clId="{4A27F2B9-7F46-4FBC-8156-151BC2D45A35}" dt="2023-04-10T21:55:27.015" v="75" actId="20577"/>
          <ac:spMkLst>
            <pc:docMk/>
            <pc:sldMk cId="1573580644" sldId="835"/>
            <ac:spMk id="7" creationId="{B3B568C5-3AD6-87C8-97FE-BC4297924F8A}"/>
          </ac:spMkLst>
        </pc:spChg>
      </pc:sldChg>
      <pc:sldChg chg="modSp mod">
        <pc:chgData name="Brecht Nys" userId="8e187b20a541708e" providerId="LiveId" clId="{4A27F2B9-7F46-4FBC-8156-151BC2D45A35}" dt="2023-04-10T21:12:47.708" v="49" actId="14861"/>
        <pc:sldMkLst>
          <pc:docMk/>
          <pc:sldMk cId="1694013409" sldId="847"/>
        </pc:sldMkLst>
        <pc:picChg chg="mod">
          <ac:chgData name="Brecht Nys" userId="8e187b20a541708e" providerId="LiveId" clId="{4A27F2B9-7F46-4FBC-8156-151BC2D45A35}" dt="2023-04-10T21:12:47.708" v="49" actId="14861"/>
          <ac:picMkLst>
            <pc:docMk/>
            <pc:sldMk cId="1694013409" sldId="847"/>
            <ac:picMk id="11" creationId="{D9B0935E-908E-DF2E-95EE-5BCAC3FB876C}"/>
          </ac:picMkLst>
        </pc:picChg>
      </pc:sldChg>
      <pc:sldChg chg="modSp mod">
        <pc:chgData name="Brecht Nys" userId="8e187b20a541708e" providerId="LiveId" clId="{4A27F2B9-7F46-4FBC-8156-151BC2D45A35}" dt="2023-04-10T22:17:38.877" v="432" actId="20577"/>
        <pc:sldMkLst>
          <pc:docMk/>
          <pc:sldMk cId="4187866062" sldId="849"/>
        </pc:sldMkLst>
        <pc:spChg chg="mod">
          <ac:chgData name="Brecht Nys" userId="8e187b20a541708e" providerId="LiveId" clId="{4A27F2B9-7F46-4FBC-8156-151BC2D45A35}" dt="2023-04-10T22:17:38.877" v="432" actId="20577"/>
          <ac:spMkLst>
            <pc:docMk/>
            <pc:sldMk cId="4187866062" sldId="849"/>
            <ac:spMk id="15" creationId="{0DA67B25-C0A7-A65F-FFB5-1C134EFC4A48}"/>
          </ac:spMkLst>
        </pc:spChg>
      </pc:sldChg>
      <pc:sldChg chg="addSp delSp modSp new mod modClrScheme chgLayout">
        <pc:chgData name="Brecht Nys" userId="8e187b20a541708e" providerId="LiveId" clId="{4A27F2B9-7F46-4FBC-8156-151BC2D45A35}" dt="2023-04-10T21:14:58.470" v="69" actId="478"/>
        <pc:sldMkLst>
          <pc:docMk/>
          <pc:sldMk cId="500926383" sldId="850"/>
        </pc:sldMkLst>
        <pc:spChg chg="del">
          <ac:chgData name="Brecht Nys" userId="8e187b20a541708e" providerId="LiveId" clId="{4A27F2B9-7F46-4FBC-8156-151BC2D45A35}" dt="2023-04-10T21:13:33.410" v="51" actId="700"/>
          <ac:spMkLst>
            <pc:docMk/>
            <pc:sldMk cId="500926383" sldId="850"/>
            <ac:spMk id="2" creationId="{A745D157-ED65-286F-1961-C1B4CFA2037F}"/>
          </ac:spMkLst>
        </pc:spChg>
        <pc:spChg chg="del mod ord">
          <ac:chgData name="Brecht Nys" userId="8e187b20a541708e" providerId="LiveId" clId="{4A27F2B9-7F46-4FBC-8156-151BC2D45A35}" dt="2023-04-10T21:14:58.470" v="69" actId="478"/>
          <ac:spMkLst>
            <pc:docMk/>
            <pc:sldMk cId="500926383" sldId="850"/>
            <ac:spMk id="3" creationId="{2FD52C9E-E428-9C98-EC64-7CAE5F82DFDD}"/>
          </ac:spMkLst>
        </pc:spChg>
        <pc:spChg chg="add mod ord">
          <ac:chgData name="Brecht Nys" userId="8e187b20a541708e" providerId="LiveId" clId="{4A27F2B9-7F46-4FBC-8156-151BC2D45A35}" dt="2023-04-10T21:14:52.543" v="68" actId="20577"/>
          <ac:spMkLst>
            <pc:docMk/>
            <pc:sldMk cId="500926383" sldId="850"/>
            <ac:spMk id="4" creationId="{D80AFC61-98A0-DE7F-A4F2-BD3E70CFDDE2}"/>
          </ac:spMkLst>
        </pc:spChg>
        <pc:spChg chg="add del mod ord">
          <ac:chgData name="Brecht Nys" userId="8e187b20a541708e" providerId="LiveId" clId="{4A27F2B9-7F46-4FBC-8156-151BC2D45A35}" dt="2023-04-10T21:13:40.679" v="54" actId="478"/>
          <ac:spMkLst>
            <pc:docMk/>
            <pc:sldMk cId="500926383" sldId="850"/>
            <ac:spMk id="5" creationId="{B7959B58-C4A6-932F-63F7-99D2A39CF149}"/>
          </ac:spMkLst>
        </pc:spChg>
        <pc:spChg chg="add del mod ord">
          <ac:chgData name="Brecht Nys" userId="8e187b20a541708e" providerId="LiveId" clId="{4A27F2B9-7F46-4FBC-8156-151BC2D45A35}" dt="2023-04-10T21:13:37.416" v="52" actId="478"/>
          <ac:spMkLst>
            <pc:docMk/>
            <pc:sldMk cId="500926383" sldId="850"/>
            <ac:spMk id="6" creationId="{8BF09E18-0A30-EA1C-3742-06D22133B092}"/>
          </ac:spMkLst>
        </pc:spChg>
      </pc:sldChg>
      <pc:sldChg chg="addSp delSp modSp add mod">
        <pc:chgData name="Brecht Nys" userId="8e187b20a541708e" providerId="LiveId" clId="{4A27F2B9-7F46-4FBC-8156-151BC2D45A35}" dt="2023-04-10T22:57:33.538" v="440" actId="1076"/>
        <pc:sldMkLst>
          <pc:docMk/>
          <pc:sldMk cId="236118157" sldId="851"/>
        </pc:sldMkLst>
        <pc:spChg chg="del">
          <ac:chgData name="Brecht Nys" userId="8e187b20a541708e" providerId="LiveId" clId="{4A27F2B9-7F46-4FBC-8156-151BC2D45A35}" dt="2023-04-10T22:09:04.198" v="95" actId="478"/>
          <ac:spMkLst>
            <pc:docMk/>
            <pc:sldMk cId="236118157" sldId="851"/>
            <ac:spMk id="3" creationId="{307BBE8E-1395-24F0-2B6E-BDD6C71E5DD7}"/>
          </ac:spMkLst>
        </pc:spChg>
        <pc:spChg chg="add mod ord">
          <ac:chgData name="Brecht Nys" userId="8e187b20a541708e" providerId="LiveId" clId="{4A27F2B9-7F46-4FBC-8156-151BC2D45A35}" dt="2023-04-10T22:15:00.699" v="212" actId="14100"/>
          <ac:spMkLst>
            <pc:docMk/>
            <pc:sldMk cId="236118157" sldId="851"/>
            <ac:spMk id="5" creationId="{DA04FD72-F5B6-31CD-C882-04E8AFF8131A}"/>
          </ac:spMkLst>
        </pc:spChg>
        <pc:spChg chg="add mod">
          <ac:chgData name="Brecht Nys" userId="8e187b20a541708e" providerId="LiveId" clId="{4A27F2B9-7F46-4FBC-8156-151BC2D45A35}" dt="2023-04-10T22:15:44.791" v="224" actId="313"/>
          <ac:spMkLst>
            <pc:docMk/>
            <pc:sldMk cId="236118157" sldId="851"/>
            <ac:spMk id="9" creationId="{1E54DB9E-397F-566F-B44A-F3D2038691F5}"/>
          </ac:spMkLst>
        </pc:spChg>
        <pc:spChg chg="del mod">
          <ac:chgData name="Brecht Nys" userId="8e187b20a541708e" providerId="LiveId" clId="{4A27F2B9-7F46-4FBC-8156-151BC2D45A35}" dt="2023-04-10T22:57:28.969" v="439" actId="478"/>
          <ac:spMkLst>
            <pc:docMk/>
            <pc:sldMk cId="236118157" sldId="851"/>
            <ac:spMk id="10" creationId="{69C24F2A-80FB-A4C8-4845-7634C6D7F389}"/>
          </ac:spMkLst>
        </pc:spChg>
        <pc:picChg chg="add mod">
          <ac:chgData name="Brecht Nys" userId="8e187b20a541708e" providerId="LiveId" clId="{4A27F2B9-7F46-4FBC-8156-151BC2D45A35}" dt="2023-04-10T22:57:33.538" v="440" actId="1076"/>
          <ac:picMkLst>
            <pc:docMk/>
            <pc:sldMk cId="236118157" sldId="851"/>
            <ac:picMk id="6" creationId="{A825885E-0650-524B-02C6-A4401DEA0D92}"/>
          </ac:picMkLst>
        </pc:picChg>
        <pc:picChg chg="add mod">
          <ac:chgData name="Brecht Nys" userId="8e187b20a541708e" providerId="LiveId" clId="{4A27F2B9-7F46-4FBC-8156-151BC2D45A35}" dt="2023-04-10T22:57:33.538" v="440" actId="1076"/>
          <ac:picMkLst>
            <pc:docMk/>
            <pc:sldMk cId="236118157" sldId="851"/>
            <ac:picMk id="7" creationId="{9FB10DD9-7853-9D47-9CB8-163ED24A7548}"/>
          </ac:picMkLst>
        </pc:picChg>
        <pc:picChg chg="add mod">
          <ac:chgData name="Brecht Nys" userId="8e187b20a541708e" providerId="LiveId" clId="{4A27F2B9-7F46-4FBC-8156-151BC2D45A35}" dt="2023-04-10T22:57:33.538" v="440" actId="1076"/>
          <ac:picMkLst>
            <pc:docMk/>
            <pc:sldMk cId="236118157" sldId="851"/>
            <ac:picMk id="8" creationId="{2483613A-72E1-BE75-711D-DE56C44CA0BD}"/>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47CD168A-C781-4C6D-A949-C2D13F8CD8E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latin typeface="Myriad for Rabobank" panose="020B0503030403020204" pitchFamily="34" charset="0"/>
            </a:endParaRPr>
          </a:p>
        </p:txBody>
      </p:sp>
      <p:sp>
        <p:nvSpPr>
          <p:cNvPr id="3" name="Date Placeholder 2">
            <a:extLst>
              <a:ext uri="{FF2B5EF4-FFF2-40B4-BE49-F238E27FC236}">
                <a16:creationId xmlns:a16="http://schemas.microsoft.com/office/drawing/2014/main" id="{B99A8A4A-56D9-4F3C-B5A1-C3F58ADDC3E4}"/>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299FBBC-7A2B-4402-888D-D94593E352F2}" type="datetimeFigureOut">
              <a:rPr lang="en-US" smtClean="0">
                <a:latin typeface="Myriad for Rabobank" panose="020B0503030403020204" pitchFamily="34" charset="0"/>
              </a:rPr>
              <a:t>4/10/2023</a:t>
            </a:fld>
            <a:endParaRPr lang="en-US">
              <a:latin typeface="Myriad for Rabobank" panose="020B0503030403020204" pitchFamily="34" charset="0"/>
            </a:endParaRPr>
          </a:p>
        </p:txBody>
      </p:sp>
      <p:sp>
        <p:nvSpPr>
          <p:cNvPr id="4" name="Footer Placeholder 3">
            <a:extLst>
              <a:ext uri="{FF2B5EF4-FFF2-40B4-BE49-F238E27FC236}">
                <a16:creationId xmlns:a16="http://schemas.microsoft.com/office/drawing/2014/main" id="{A5901F49-8CD1-43A4-BA0A-8CE42E9E230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latin typeface="Myriad for Rabobank" panose="020B0503030403020204" pitchFamily="34" charset="0"/>
            </a:endParaRPr>
          </a:p>
        </p:txBody>
      </p:sp>
      <p:sp>
        <p:nvSpPr>
          <p:cNvPr id="5" name="Slide Number Placeholder 4">
            <a:extLst>
              <a:ext uri="{FF2B5EF4-FFF2-40B4-BE49-F238E27FC236}">
                <a16:creationId xmlns:a16="http://schemas.microsoft.com/office/drawing/2014/main" id="{114580E8-58D4-4241-9610-651662AF82A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1B7FE92-BCEA-47E7-9617-D4352300F5D1}" type="slidenum">
              <a:rPr lang="en-US" smtClean="0">
                <a:latin typeface="Myriad for Rabobank" panose="020B0503030403020204" pitchFamily="34" charset="0"/>
              </a:rPr>
              <a:t>‹#›</a:t>
            </a:fld>
            <a:endParaRPr lang="en-US">
              <a:latin typeface="Myriad for Rabobank" panose="020B0503030403020204" pitchFamily="34" charset="0"/>
            </a:endParaRPr>
          </a:p>
        </p:txBody>
      </p:sp>
    </p:spTree>
    <p:extLst>
      <p:ext uri="{BB962C8B-B14F-4D97-AF65-F5344CB8AC3E}">
        <p14:creationId xmlns:p14="http://schemas.microsoft.com/office/powerpoint/2010/main" val="36460513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Myriad for Rabobank" panose="020B0503030403020204" pitchFamily="34" charset="0"/>
              </a:defRPr>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Myriad for Rabobank" panose="020B0503030403020204" pitchFamily="34" charset="0"/>
              </a:defRPr>
            </a:lvl1pPr>
          </a:lstStyle>
          <a:p>
            <a:fld id="{D8F9A3D8-C38A-42A8-8108-56D4525C9E97}" type="datetimeFigureOut">
              <a:rPr lang="en-GB" smtClean="0"/>
              <a:pPr/>
              <a:t>10/04/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Myriad for Rabobank" panose="020B0503030403020204" pitchFamily="34" charset="0"/>
              </a:defRPr>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Myriad for Rabobank" panose="020B0503030403020204" pitchFamily="34" charset="0"/>
              </a:defRPr>
            </a:lvl1pPr>
          </a:lstStyle>
          <a:p>
            <a:fld id="{005444ED-21FE-41E2-990D-ED635B34E95A}" type="slidenum">
              <a:rPr lang="en-GB" smtClean="0"/>
              <a:pPr/>
              <a:t>‹#›</a:t>
            </a:fld>
            <a:endParaRPr lang="en-GB"/>
          </a:p>
        </p:txBody>
      </p:sp>
    </p:spTree>
    <p:extLst>
      <p:ext uri="{BB962C8B-B14F-4D97-AF65-F5344CB8AC3E}">
        <p14:creationId xmlns:p14="http://schemas.microsoft.com/office/powerpoint/2010/main" val="10136144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yriad for Rabobank" panose="020B0503030403020204" pitchFamily="34" charset="0"/>
        <a:ea typeface="+mn-ea"/>
        <a:cs typeface="+mn-cs"/>
      </a:defRPr>
    </a:lvl1pPr>
    <a:lvl2pPr marL="457200" algn="l" defTabSz="914400" rtl="0" eaLnBrk="1" latinLnBrk="0" hangingPunct="1">
      <a:defRPr sz="1200" kern="1200">
        <a:solidFill>
          <a:schemeClr val="tx1"/>
        </a:solidFill>
        <a:latin typeface="Myriad for Rabobank" panose="020B0503030403020204" pitchFamily="34" charset="0"/>
        <a:ea typeface="+mn-ea"/>
        <a:cs typeface="+mn-cs"/>
      </a:defRPr>
    </a:lvl2pPr>
    <a:lvl3pPr marL="914400" algn="l" defTabSz="914400" rtl="0" eaLnBrk="1" latinLnBrk="0" hangingPunct="1">
      <a:defRPr sz="1200" kern="1200">
        <a:solidFill>
          <a:schemeClr val="tx1"/>
        </a:solidFill>
        <a:latin typeface="Myriad for Rabobank" panose="020B0503030403020204" pitchFamily="34" charset="0"/>
        <a:ea typeface="+mn-ea"/>
        <a:cs typeface="+mn-cs"/>
      </a:defRPr>
    </a:lvl3pPr>
    <a:lvl4pPr marL="1371600" algn="l" defTabSz="914400" rtl="0" eaLnBrk="1" latinLnBrk="0" hangingPunct="1">
      <a:defRPr sz="1200" kern="1200">
        <a:solidFill>
          <a:schemeClr val="tx1"/>
        </a:solidFill>
        <a:latin typeface="Myriad for Rabobank" panose="020B0503030403020204" pitchFamily="34" charset="0"/>
        <a:ea typeface="+mn-ea"/>
        <a:cs typeface="+mn-cs"/>
      </a:defRPr>
    </a:lvl4pPr>
    <a:lvl5pPr marL="1828800" algn="l" defTabSz="914400" rtl="0" eaLnBrk="1" latinLnBrk="0" hangingPunct="1">
      <a:defRPr sz="1200" kern="1200">
        <a:solidFill>
          <a:schemeClr val="tx1"/>
        </a:solidFill>
        <a:latin typeface="Myriad for Rabobank" panose="020B0503030403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75" y="455613"/>
            <a:ext cx="6873875" cy="3867150"/>
          </a:xfrm>
        </p:spPr>
      </p:sp>
      <p:sp>
        <p:nvSpPr>
          <p:cNvPr id="5" name="Date Placeholder 4">
            <a:extLst>
              <a:ext uri="{FF2B5EF4-FFF2-40B4-BE49-F238E27FC236}">
                <a16:creationId xmlns:a16="http://schemas.microsoft.com/office/drawing/2014/main" id="{7554032D-B722-9849-9B5D-851F4D252356}"/>
              </a:ext>
            </a:extLst>
          </p:cNvPr>
          <p:cNvSpPr>
            <a:spLocks noGrp="1"/>
          </p:cNvSpPr>
          <p:nvPr>
            <p:ph type="dt" idx="1"/>
          </p:nvPr>
        </p:nvSpPr>
        <p:spPr/>
        <p:txBody>
          <a:bodyPr/>
          <a:lstStyle/>
          <a:p>
            <a:fld id="{90269B98-0EB3-3C41-BC4B-07A2AA69D85F}" type="datetime3">
              <a:rPr lang="en-US" smtClean="0"/>
              <a:t>10 April 2023</a:t>
            </a:fld>
            <a:endParaRPr lang="en-US" dirty="0"/>
          </a:p>
        </p:txBody>
      </p:sp>
      <p:sp>
        <p:nvSpPr>
          <p:cNvPr id="8" name="Notes Placeholder 7">
            <a:extLst>
              <a:ext uri="{FF2B5EF4-FFF2-40B4-BE49-F238E27FC236}">
                <a16:creationId xmlns:a16="http://schemas.microsoft.com/office/drawing/2014/main" id="{B535E763-4C05-2841-9165-2E7CA2F25875}"/>
              </a:ext>
            </a:extLst>
          </p:cNvPr>
          <p:cNvSpPr>
            <a:spLocks noGrp="1"/>
          </p:cNvSpPr>
          <p:nvPr>
            <p:ph type="body" sz="quarter" idx="3"/>
          </p:nvPr>
        </p:nvSpPr>
        <p:spPr/>
        <p:txBody>
          <a:bodyPr/>
          <a:lstStyle/>
          <a:p>
            <a:pPr lvl="1"/>
            <a:endParaRPr lang="en-US" dirty="0"/>
          </a:p>
        </p:txBody>
      </p:sp>
    </p:spTree>
    <p:extLst>
      <p:ext uri="{BB962C8B-B14F-4D97-AF65-F5344CB8AC3E}">
        <p14:creationId xmlns:p14="http://schemas.microsoft.com/office/powerpoint/2010/main" val="39347880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dirty="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3621622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Narrow Box (Alternativ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25624"/>
            <a:ext cx="3891915"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7"/>
            <a:ext cx="2921932"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299649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xt and Colored Box">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2" name="Content Placeholder 2">
            <a:extLst>
              <a:ext uri="{FF2B5EF4-FFF2-40B4-BE49-F238E27FC236}">
                <a16:creationId xmlns:a16="http://schemas.microsoft.com/office/drawing/2014/main" id="{85A972DD-04C8-4185-AB1C-656E5DFFB344}"/>
              </a:ext>
            </a:extLst>
          </p:cNvPr>
          <p:cNvSpPr>
            <a:spLocks noGrp="1"/>
          </p:cNvSpPr>
          <p:nvPr>
            <p:ph idx="16"/>
          </p:nvPr>
        </p:nvSpPr>
        <p:spPr>
          <a:xfrm>
            <a:off x="6454140" y="2182368"/>
            <a:ext cx="5101123" cy="3898800"/>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32" name="Text Placeholder 21">
            <a:extLst>
              <a:ext uri="{FF2B5EF4-FFF2-40B4-BE49-F238E27FC236}">
                <a16:creationId xmlns:a16="http://schemas.microsoft.com/office/drawing/2014/main" id="{5CFCD660-1620-4442-A26C-73FA68AA94D4}"/>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33" name="Text Placeholder 21">
            <a:extLst>
              <a:ext uri="{FF2B5EF4-FFF2-40B4-BE49-F238E27FC236}">
                <a16:creationId xmlns:a16="http://schemas.microsoft.com/office/drawing/2014/main" id="{CDF8DE94-B253-4726-8471-04FD17FB8541}"/>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827535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and Grey Box">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3" name="Content Placeholder 2">
            <a:extLst>
              <a:ext uri="{FF2B5EF4-FFF2-40B4-BE49-F238E27FC236}">
                <a16:creationId xmlns:a16="http://schemas.microsoft.com/office/drawing/2014/main" id="{74A976B8-CE61-4FB8-8C5C-BC4EB029D43E}"/>
              </a:ext>
            </a:extLst>
          </p:cNvPr>
          <p:cNvSpPr>
            <a:spLocks noGrp="1"/>
          </p:cNvSpPr>
          <p:nvPr>
            <p:ph idx="14"/>
          </p:nvPr>
        </p:nvSpPr>
        <p:spPr>
          <a:xfrm>
            <a:off x="6457950" y="2182367"/>
            <a:ext cx="5097442"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4" name="Graphic 31">
            <a:extLst>
              <a:ext uri="{FF2B5EF4-FFF2-40B4-BE49-F238E27FC236}">
                <a16:creationId xmlns:a16="http://schemas.microsoft.com/office/drawing/2014/main" id="{5E3F27FA-ACB7-4406-B3FD-7077391C97E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2810512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125133"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1825625"/>
            <a:ext cx="5097442" cy="425880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602903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dirty="0"/>
          </a:p>
        </p:txBody>
      </p:sp>
      <p:sp>
        <p:nvSpPr>
          <p:cNvPr id="8" name="Content Placeholder 2">
            <a:extLst>
              <a:ext uri="{FF2B5EF4-FFF2-40B4-BE49-F238E27FC236}">
                <a16:creationId xmlns:a16="http://schemas.microsoft.com/office/drawing/2014/main" id="{08939D58-C1C0-4B9D-A773-F0B720E58C4D}"/>
              </a:ext>
            </a:extLst>
          </p:cNvPr>
          <p:cNvSpPr>
            <a:spLocks noGrp="1"/>
          </p:cNvSpPr>
          <p:nvPr>
            <p:ph idx="15"/>
          </p:nvPr>
        </p:nvSpPr>
        <p:spPr>
          <a:xfrm>
            <a:off x="6457268" y="1825624"/>
            <a:ext cx="5098123" cy="375320"/>
          </a:xfrm>
        </p:spPr>
        <p:txBody>
          <a:bodyPr/>
          <a:lstStyle>
            <a:lvl1pPr>
              <a:defRPr sz="1800">
                <a:solidFill>
                  <a:schemeClr val="accent1"/>
                </a:solidFill>
                <a:latin typeface="+mj-lt"/>
              </a:defRPr>
            </a:lvl1pPr>
          </a:lstStyle>
          <a:p>
            <a:pPr lvl="0"/>
            <a:r>
              <a:rPr lang="en-GB"/>
              <a:t>Click to edit Master text styles</a:t>
            </a:r>
          </a:p>
        </p:txBody>
      </p:sp>
      <p:sp>
        <p:nvSpPr>
          <p:cNvPr id="11" name="Content Placeholder 2">
            <a:extLst>
              <a:ext uri="{FF2B5EF4-FFF2-40B4-BE49-F238E27FC236}">
                <a16:creationId xmlns:a16="http://schemas.microsoft.com/office/drawing/2014/main" id="{94A1DAE0-8692-45F3-9DEA-569FA656A87F}"/>
              </a:ext>
            </a:extLst>
          </p:cNvPr>
          <p:cNvSpPr>
            <a:spLocks noGrp="1"/>
          </p:cNvSpPr>
          <p:nvPr>
            <p:ph idx="16"/>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EEABFBE-4C78-4351-96C2-D3FF80754D72}"/>
              </a:ext>
            </a:extLst>
          </p:cNvPr>
          <p:cNvSpPr>
            <a:spLocks noGrp="1"/>
          </p:cNvSpPr>
          <p:nvPr>
            <p:ph idx="17"/>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13" name="Content Placeholder 2">
            <a:extLst>
              <a:ext uri="{FF2B5EF4-FFF2-40B4-BE49-F238E27FC236}">
                <a16:creationId xmlns:a16="http://schemas.microsoft.com/office/drawing/2014/main" id="{3E3567DA-7FDE-4F80-9417-1509A0DF8406}"/>
              </a:ext>
            </a:extLst>
          </p:cNvPr>
          <p:cNvSpPr>
            <a:spLocks noGrp="1"/>
          </p:cNvSpPr>
          <p:nvPr>
            <p:ph idx="18"/>
          </p:nvPr>
        </p:nvSpPr>
        <p:spPr>
          <a:xfrm>
            <a:off x="6455658"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725103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A42A63B-AA5F-4310-89F4-A68488FAEAAE}"/>
              </a:ext>
            </a:extLst>
          </p:cNvPr>
          <p:cNvSpPr/>
          <p:nvPr userDrawn="1"/>
        </p:nvSpPr>
        <p:spPr>
          <a:xfrm>
            <a:off x="6346613"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2" name="Rectangle 11">
            <a:extLst>
              <a:ext uri="{FF2B5EF4-FFF2-40B4-BE49-F238E27FC236}">
                <a16:creationId xmlns:a16="http://schemas.microsoft.com/office/drawing/2014/main" id="{D9875C34-4138-44AF-BA99-33CE682EC2D0}"/>
              </a:ext>
            </a:extLst>
          </p:cNvPr>
          <p:cNvSpPr/>
          <p:nvPr userDrawn="1"/>
        </p:nvSpPr>
        <p:spPr>
          <a:xfrm>
            <a:off x="605072" y="1825625"/>
            <a:ext cx="5240317" cy="4250054"/>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87109" y="2127504"/>
            <a:ext cx="4471715"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B597999A-2D18-4A28-9241-389A5943B0E9}"/>
              </a:ext>
            </a:extLst>
          </p:cNvPr>
          <p:cNvSpPr>
            <a:spLocks noGrp="1"/>
          </p:cNvSpPr>
          <p:nvPr>
            <p:ph idx="14"/>
          </p:nvPr>
        </p:nvSpPr>
        <p:spPr>
          <a:xfrm>
            <a:off x="6724122" y="2127504"/>
            <a:ext cx="4485296" cy="35640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378830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4" name="Content Placeholder 2">
            <a:extLst>
              <a:ext uri="{FF2B5EF4-FFF2-40B4-BE49-F238E27FC236}">
                <a16:creationId xmlns:a16="http://schemas.microsoft.com/office/drawing/2014/main" id="{E8756158-AD71-4657-B016-462F5BB6E563}"/>
              </a:ext>
            </a:extLst>
          </p:cNvPr>
          <p:cNvSpPr>
            <a:spLocks noGrp="1"/>
          </p:cNvSpPr>
          <p:nvPr>
            <p:ph idx="1"/>
          </p:nvPr>
        </p:nvSpPr>
        <p:spPr>
          <a:xfrm>
            <a:off x="636607"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5" name="Content Placeholder 2">
            <a:extLst>
              <a:ext uri="{FF2B5EF4-FFF2-40B4-BE49-F238E27FC236}">
                <a16:creationId xmlns:a16="http://schemas.microsoft.com/office/drawing/2014/main" id="{C2C4C67A-D1A2-432E-A3BA-95A33938C23A}"/>
              </a:ext>
            </a:extLst>
          </p:cNvPr>
          <p:cNvSpPr>
            <a:spLocks noGrp="1"/>
          </p:cNvSpPr>
          <p:nvPr>
            <p:ph idx="14"/>
          </p:nvPr>
        </p:nvSpPr>
        <p:spPr>
          <a:xfrm>
            <a:off x="6315078" y="1825625"/>
            <a:ext cx="5240317" cy="4258800"/>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405988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8" name="Content Placeholder 2">
            <a:extLst>
              <a:ext uri="{FF2B5EF4-FFF2-40B4-BE49-F238E27FC236}">
                <a16:creationId xmlns:a16="http://schemas.microsoft.com/office/drawing/2014/main" id="{3783E246-0A6D-435E-AB64-DE73CC473C73}"/>
              </a:ext>
            </a:extLst>
          </p:cNvPr>
          <p:cNvSpPr>
            <a:spLocks noGrp="1"/>
          </p:cNvSpPr>
          <p:nvPr>
            <p:ph idx="14"/>
          </p:nvPr>
        </p:nvSpPr>
        <p:spPr>
          <a:xfrm>
            <a:off x="4421529"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 name="Content Placeholder 2">
            <a:extLst>
              <a:ext uri="{FF2B5EF4-FFF2-40B4-BE49-F238E27FC236}">
                <a16:creationId xmlns:a16="http://schemas.microsoft.com/office/drawing/2014/main" id="{6C8E1D9C-8333-47AB-B804-C0ADB8A33E24}"/>
              </a:ext>
            </a:extLst>
          </p:cNvPr>
          <p:cNvSpPr>
            <a:spLocks noGrp="1"/>
          </p:cNvSpPr>
          <p:nvPr>
            <p:ph idx="15"/>
          </p:nvPr>
        </p:nvSpPr>
        <p:spPr>
          <a:xfrm>
            <a:off x="8206450" y="1825625"/>
            <a:ext cx="334894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1121242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 Columns with heading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B9A0A47F-AD57-4033-8D82-347C1FB4D71F}"/>
              </a:ext>
            </a:extLst>
          </p:cNvPr>
          <p:cNvSpPr>
            <a:spLocks noGrp="1"/>
          </p:cNvSpPr>
          <p:nvPr>
            <p:ph idx="17"/>
          </p:nvPr>
        </p:nvSpPr>
        <p:spPr>
          <a:xfrm>
            <a:off x="442152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4" name="Content Placeholder 2">
            <a:extLst>
              <a:ext uri="{FF2B5EF4-FFF2-40B4-BE49-F238E27FC236}">
                <a16:creationId xmlns:a16="http://schemas.microsoft.com/office/drawing/2014/main" id="{BD8CF2BB-201D-4025-8DDF-AA1705822F3F}"/>
              </a:ext>
            </a:extLst>
          </p:cNvPr>
          <p:cNvSpPr>
            <a:spLocks noGrp="1"/>
          </p:cNvSpPr>
          <p:nvPr>
            <p:ph idx="19"/>
          </p:nvPr>
        </p:nvSpPr>
        <p:spPr>
          <a:xfrm>
            <a:off x="609599" y="1825624"/>
            <a:ext cx="3348943" cy="375320"/>
          </a:xfrm>
        </p:spPr>
        <p:txBody>
          <a:bodyPr/>
          <a:lstStyle>
            <a:lvl1pPr>
              <a:defRPr sz="1800">
                <a:solidFill>
                  <a:schemeClr val="accent1"/>
                </a:solidFill>
                <a:latin typeface="+mj-lt"/>
              </a:defRPr>
            </a:lvl1pPr>
          </a:lstStyle>
          <a:p>
            <a:pPr lvl="0"/>
            <a:r>
              <a:rPr lang="en-GB"/>
              <a:t>Click to edit Master text styles</a:t>
            </a:r>
          </a:p>
        </p:txBody>
      </p:sp>
      <p:sp>
        <p:nvSpPr>
          <p:cNvPr id="15" name="Content Placeholder 2">
            <a:extLst>
              <a:ext uri="{FF2B5EF4-FFF2-40B4-BE49-F238E27FC236}">
                <a16:creationId xmlns:a16="http://schemas.microsoft.com/office/drawing/2014/main" id="{DC7F1298-04B9-4212-9456-F9BBB830EFA5}"/>
              </a:ext>
            </a:extLst>
          </p:cNvPr>
          <p:cNvSpPr>
            <a:spLocks noGrp="1"/>
          </p:cNvSpPr>
          <p:nvPr>
            <p:ph idx="20"/>
          </p:nvPr>
        </p:nvSpPr>
        <p:spPr>
          <a:xfrm>
            <a:off x="8206450" y="1825624"/>
            <a:ext cx="3345180" cy="375320"/>
          </a:xfrm>
        </p:spPr>
        <p:txBody>
          <a:bodyPr/>
          <a:lstStyle>
            <a:lvl1pPr>
              <a:defRPr sz="1800">
                <a:solidFill>
                  <a:schemeClr val="accent1"/>
                </a:solidFill>
                <a:latin typeface="+mj-lt"/>
              </a:defRPr>
            </a:lvl1pPr>
          </a:lstStyle>
          <a:p>
            <a:pPr lvl="0"/>
            <a:r>
              <a:rPr lang="en-GB"/>
              <a:t>Click to edit Master text styles</a:t>
            </a:r>
          </a:p>
        </p:txBody>
      </p:sp>
      <p:sp>
        <p:nvSpPr>
          <p:cNvPr id="17" name="Content Placeholder 2">
            <a:extLst>
              <a:ext uri="{FF2B5EF4-FFF2-40B4-BE49-F238E27FC236}">
                <a16:creationId xmlns:a16="http://schemas.microsoft.com/office/drawing/2014/main" id="{B81F54A8-411B-454E-87AD-0DFEE36CE113}"/>
              </a:ext>
            </a:extLst>
          </p:cNvPr>
          <p:cNvSpPr>
            <a:spLocks noGrp="1"/>
          </p:cNvSpPr>
          <p:nvPr>
            <p:ph idx="16"/>
          </p:nvPr>
        </p:nvSpPr>
        <p:spPr>
          <a:xfrm>
            <a:off x="609601"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0" name="Content Placeholder 2">
            <a:extLst>
              <a:ext uri="{FF2B5EF4-FFF2-40B4-BE49-F238E27FC236}">
                <a16:creationId xmlns:a16="http://schemas.microsoft.com/office/drawing/2014/main" id="{61200BA5-1CE1-435B-8EFF-1665476A973B}"/>
              </a:ext>
            </a:extLst>
          </p:cNvPr>
          <p:cNvSpPr>
            <a:spLocks noGrp="1"/>
          </p:cNvSpPr>
          <p:nvPr>
            <p:ph idx="21"/>
          </p:nvPr>
        </p:nvSpPr>
        <p:spPr>
          <a:xfrm>
            <a:off x="4425292" y="2182367"/>
            <a:ext cx="3345179"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Content Placeholder 2">
            <a:extLst>
              <a:ext uri="{FF2B5EF4-FFF2-40B4-BE49-F238E27FC236}">
                <a16:creationId xmlns:a16="http://schemas.microsoft.com/office/drawing/2014/main" id="{3EFF0397-128F-4901-B941-AE13693CD01C}"/>
              </a:ext>
            </a:extLst>
          </p:cNvPr>
          <p:cNvSpPr>
            <a:spLocks noGrp="1"/>
          </p:cNvSpPr>
          <p:nvPr>
            <p:ph idx="22"/>
          </p:nvPr>
        </p:nvSpPr>
        <p:spPr>
          <a:xfrm>
            <a:off x="8202688" y="2182367"/>
            <a:ext cx="3348941"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4698996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 Columns with Grey Backgroun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CFA20301-7BF6-45FC-B9CD-8A1BE1F02F4F}"/>
              </a:ext>
            </a:extLst>
          </p:cNvPr>
          <p:cNvSpPr/>
          <p:nvPr userDrawn="1"/>
        </p:nvSpPr>
        <p:spPr>
          <a:xfrm>
            <a:off x="4367063"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4" name="Rectangle 13">
            <a:extLst>
              <a:ext uri="{FF2B5EF4-FFF2-40B4-BE49-F238E27FC236}">
                <a16:creationId xmlns:a16="http://schemas.microsoft.com/office/drawing/2014/main" id="{C821B77C-2931-4152-AACB-E2B2E85FB18F}"/>
              </a:ext>
            </a:extLst>
          </p:cNvPr>
          <p:cNvSpPr/>
          <p:nvPr userDrawn="1"/>
        </p:nvSpPr>
        <p:spPr>
          <a:xfrm>
            <a:off x="820645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7" name="Rectangle 6">
            <a:extLst>
              <a:ext uri="{FF2B5EF4-FFF2-40B4-BE49-F238E27FC236}">
                <a16:creationId xmlns:a16="http://schemas.microsoft.com/office/drawing/2014/main" id="{7554ABDE-2DDB-4540-9685-AC7E89D5D478}"/>
              </a:ext>
            </a:extLst>
          </p:cNvPr>
          <p:cNvSpPr/>
          <p:nvPr userDrawn="1"/>
        </p:nvSpPr>
        <p:spPr>
          <a:xfrm>
            <a:off x="609600" y="1825625"/>
            <a:ext cx="3348942"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endParaRPr lang="en-GB" dirty="0"/>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929321" y="2133600"/>
            <a:ext cx="2718784"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DE225212-B380-442C-9723-F285DE7F0C43}"/>
              </a:ext>
            </a:extLst>
          </p:cNvPr>
          <p:cNvSpPr>
            <a:spLocks noGrp="1"/>
          </p:cNvSpPr>
          <p:nvPr>
            <p:ph idx="16"/>
          </p:nvPr>
        </p:nvSpPr>
        <p:spPr>
          <a:xfrm>
            <a:off x="4667974" y="2133600"/>
            <a:ext cx="2718786"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Content Placeholder 2">
            <a:extLst>
              <a:ext uri="{FF2B5EF4-FFF2-40B4-BE49-F238E27FC236}">
                <a16:creationId xmlns:a16="http://schemas.microsoft.com/office/drawing/2014/main" id="{32BC0A4C-EFCC-4DCE-95E4-FE5B17BA5D36}"/>
              </a:ext>
            </a:extLst>
          </p:cNvPr>
          <p:cNvSpPr>
            <a:spLocks noGrp="1"/>
          </p:cNvSpPr>
          <p:nvPr>
            <p:ph idx="17"/>
          </p:nvPr>
        </p:nvSpPr>
        <p:spPr>
          <a:xfrm>
            <a:off x="8512123" y="2133600"/>
            <a:ext cx="2723548" cy="3643644"/>
          </a:xfrm>
        </p:spPr>
        <p:txBody>
          <a:bodyPr>
            <a:noAutofit/>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048229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spcAft>
                <a:spcPts val="0"/>
              </a:spcAft>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8" name="Subtitle 2">
            <a:extLst>
              <a:ext uri="{FF2B5EF4-FFF2-40B4-BE49-F238E27FC236}">
                <a16:creationId xmlns:a16="http://schemas.microsoft.com/office/drawing/2014/main" id="{8A8E11C7-8AC7-4E57-9FF2-B2290BF164B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9" name="Graphic 8">
            <a:extLst>
              <a:ext uri="{FF2B5EF4-FFF2-40B4-BE49-F238E27FC236}">
                <a16:creationId xmlns:a16="http://schemas.microsoft.com/office/drawing/2014/main" id="{0DE39196-8121-4E1D-9D8A-F9B53D6A166F}"/>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1765051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3 Columns with Blue Backgroun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7" name="Content Placeholder 2">
            <a:extLst>
              <a:ext uri="{FF2B5EF4-FFF2-40B4-BE49-F238E27FC236}">
                <a16:creationId xmlns:a16="http://schemas.microsoft.com/office/drawing/2014/main" id="{099C9476-3691-4CC7-AFA3-88F40B48B82A}"/>
              </a:ext>
            </a:extLst>
          </p:cNvPr>
          <p:cNvSpPr>
            <a:spLocks noGrp="1"/>
          </p:cNvSpPr>
          <p:nvPr>
            <p:ph idx="16"/>
          </p:nvPr>
        </p:nvSpPr>
        <p:spPr>
          <a:xfrm>
            <a:off x="636607"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8" name="Content Placeholder 2">
            <a:extLst>
              <a:ext uri="{FF2B5EF4-FFF2-40B4-BE49-F238E27FC236}">
                <a16:creationId xmlns:a16="http://schemas.microsoft.com/office/drawing/2014/main" id="{15969B9E-9D7C-4D77-B471-CFA2D5594B94}"/>
              </a:ext>
            </a:extLst>
          </p:cNvPr>
          <p:cNvSpPr>
            <a:spLocks noGrp="1"/>
          </p:cNvSpPr>
          <p:nvPr>
            <p:ph idx="17"/>
          </p:nvPr>
        </p:nvSpPr>
        <p:spPr>
          <a:xfrm>
            <a:off x="4421528"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9" name="Content Placeholder 2">
            <a:extLst>
              <a:ext uri="{FF2B5EF4-FFF2-40B4-BE49-F238E27FC236}">
                <a16:creationId xmlns:a16="http://schemas.microsoft.com/office/drawing/2014/main" id="{703F6A5C-0D68-49D8-81DF-34D57D7C64E5}"/>
              </a:ext>
            </a:extLst>
          </p:cNvPr>
          <p:cNvSpPr>
            <a:spLocks noGrp="1"/>
          </p:cNvSpPr>
          <p:nvPr>
            <p:ph idx="18"/>
          </p:nvPr>
        </p:nvSpPr>
        <p:spPr>
          <a:xfrm>
            <a:off x="8206449" y="1825625"/>
            <a:ext cx="3348943" cy="4250054"/>
          </a:xfrm>
          <a:solidFill>
            <a:schemeClr val="tx2"/>
          </a:solidFill>
        </p:spPr>
        <p:txBody>
          <a:bodyPr lIns="360000" tIns="360000" rIns="360000" bIns="360000">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120833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Separating Slide">
    <p:spTree>
      <p:nvGrpSpPr>
        <p:cNvPr id="1" name=""/>
        <p:cNvGrpSpPr/>
        <p:nvPr/>
      </p:nvGrpSpPr>
      <p:grpSpPr>
        <a:xfrm>
          <a:off x="0" y="0"/>
          <a:ext cx="0" cy="0"/>
          <a:chOff x="0" y="0"/>
          <a:chExt cx="0" cy="0"/>
        </a:xfrm>
      </p:grpSpPr>
      <p:sp>
        <p:nvSpPr>
          <p:cNvPr id="31" name="Picture Placeholder 30">
            <a:extLst>
              <a:ext uri="{FF2B5EF4-FFF2-40B4-BE49-F238E27FC236}">
                <a16:creationId xmlns:a16="http://schemas.microsoft.com/office/drawing/2014/main" id="{20640637-DF11-4206-9480-6EC6634A1FEB}"/>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lvl1pPr>
              <a:defRPr>
                <a:solidFill>
                  <a:schemeClr val="bg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3" name="Text Placeholder 21">
            <a:extLst>
              <a:ext uri="{FF2B5EF4-FFF2-40B4-BE49-F238E27FC236}">
                <a16:creationId xmlns:a16="http://schemas.microsoft.com/office/drawing/2014/main" id="{93B95CED-B9A6-43D3-B7B0-138C0E34B43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4" name="Text Placeholder 21">
            <a:extLst>
              <a:ext uri="{FF2B5EF4-FFF2-40B4-BE49-F238E27FC236}">
                <a16:creationId xmlns:a16="http://schemas.microsoft.com/office/drawing/2014/main" id="{31CC5EE8-76F7-4A50-B2BA-45FEA3842ECE}"/>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5688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Picture">
    <p:bg>
      <p:bgPr>
        <a:solidFill>
          <a:schemeClr val="accent1"/>
        </a:solidFill>
        <a:effectLst/>
      </p:bgPr>
    </p:bg>
    <p:spTree>
      <p:nvGrpSpPr>
        <p:cNvPr id="1" name=""/>
        <p:cNvGrpSpPr/>
        <p:nvPr/>
      </p:nvGrpSpPr>
      <p:grpSpPr>
        <a:xfrm>
          <a:off x="0" y="0"/>
          <a:ext cx="0" cy="0"/>
          <a:chOff x="0" y="0"/>
          <a:chExt cx="0" cy="0"/>
        </a:xfrm>
      </p:grpSpPr>
      <p:sp>
        <p:nvSpPr>
          <p:cNvPr id="37" name="Freeform: Shape 36">
            <a:extLst>
              <a:ext uri="{FF2B5EF4-FFF2-40B4-BE49-F238E27FC236}">
                <a16:creationId xmlns:a16="http://schemas.microsoft.com/office/drawing/2014/main" id="{B3712A61-E9E2-4785-BF56-506FDD1FC314}"/>
              </a:ext>
            </a:extLst>
          </p:cNvPr>
          <p:cNvSpPr/>
          <p:nvPr userDrawn="1"/>
        </p:nvSpPr>
        <p:spPr>
          <a:xfrm>
            <a:off x="-74864" y="-4329"/>
            <a:ext cx="6162926" cy="6862507"/>
          </a:xfrm>
          <a:custGeom>
            <a:avLst/>
            <a:gdLst>
              <a:gd name="connsiteX0" fmla="*/ 4485905 w 6162926"/>
              <a:gd name="connsiteY0" fmla="*/ 0 h 6862507"/>
              <a:gd name="connsiteX1" fmla="*/ 6162926 w 6162926"/>
              <a:gd name="connsiteY1" fmla="*/ 0 h 6862507"/>
              <a:gd name="connsiteX2" fmla="*/ 6068048 w 6162926"/>
              <a:gd name="connsiteY2" fmla="*/ 185738 h 6862507"/>
              <a:gd name="connsiteX3" fmla="*/ 5784228 w 6162926"/>
              <a:gd name="connsiteY3" fmla="*/ 874354 h 6862507"/>
              <a:gd name="connsiteX4" fmla="*/ 5745003 w 6162926"/>
              <a:gd name="connsiteY4" fmla="*/ 995685 h 6862507"/>
              <a:gd name="connsiteX5" fmla="*/ 5729397 w 6162926"/>
              <a:gd name="connsiteY5" fmla="*/ 1038632 h 6862507"/>
              <a:gd name="connsiteX6" fmla="*/ 5705856 w 6162926"/>
              <a:gd name="connsiteY6" fmla="*/ 1116773 h 6862507"/>
              <a:gd name="connsiteX7" fmla="*/ 5667005 w 6162926"/>
              <a:gd name="connsiteY7" fmla="*/ 1236946 h 6862507"/>
              <a:gd name="connsiteX8" fmla="*/ 5637680 w 6162926"/>
              <a:gd name="connsiteY8" fmla="*/ 1343070 h 6862507"/>
              <a:gd name="connsiteX9" fmla="*/ 5616212 w 6162926"/>
              <a:gd name="connsiteY9" fmla="*/ 1414330 h 6862507"/>
              <a:gd name="connsiteX10" fmla="*/ 5603452 w 6162926"/>
              <a:gd name="connsiteY10" fmla="*/ 1466937 h 6862507"/>
              <a:gd name="connsiteX11" fmla="*/ 5595209 w 6162926"/>
              <a:gd name="connsiteY11" fmla="*/ 1496767 h 6862507"/>
              <a:gd name="connsiteX12" fmla="*/ 5532423 w 6162926"/>
              <a:gd name="connsiteY12" fmla="*/ 1758852 h 6862507"/>
              <a:gd name="connsiteX13" fmla="*/ 5531251 w 6162926"/>
              <a:gd name="connsiteY13" fmla="*/ 1764614 h 6862507"/>
              <a:gd name="connsiteX14" fmla="*/ 5521762 w 6162926"/>
              <a:gd name="connsiteY14" fmla="*/ 1803738 h 6862507"/>
              <a:gd name="connsiteX15" fmla="*/ 5505040 w 6162926"/>
              <a:gd name="connsiteY15" fmla="*/ 1893480 h 6862507"/>
              <a:gd name="connsiteX16" fmla="*/ 5478703 w 6162926"/>
              <a:gd name="connsiteY16" fmla="*/ 2022962 h 6862507"/>
              <a:gd name="connsiteX17" fmla="*/ 5458780 w 6162926"/>
              <a:gd name="connsiteY17" fmla="*/ 2141743 h 6862507"/>
              <a:gd name="connsiteX18" fmla="*/ 5446869 w 6162926"/>
              <a:gd name="connsiteY18" fmla="*/ 2205663 h 6862507"/>
              <a:gd name="connsiteX19" fmla="*/ 5442490 w 6162926"/>
              <a:gd name="connsiteY19" fmla="*/ 2238863 h 6862507"/>
              <a:gd name="connsiteX20" fmla="*/ 5434104 w 6162926"/>
              <a:gd name="connsiteY20" fmla="*/ 2288858 h 6862507"/>
              <a:gd name="connsiteX21" fmla="*/ 4718367 w 6162926"/>
              <a:gd name="connsiteY21" fmla="*/ 1123248 h 6862507"/>
              <a:gd name="connsiteX22" fmla="*/ 4503324 w 6162926"/>
              <a:gd name="connsiteY22" fmla="*/ 186795 h 6862507"/>
              <a:gd name="connsiteX23" fmla="*/ 0 w 6162926"/>
              <a:gd name="connsiteY23" fmla="*/ 0 h 6862507"/>
              <a:gd name="connsiteX24" fmla="*/ 4454089 w 6162926"/>
              <a:gd name="connsiteY24" fmla="*/ 0 h 6862507"/>
              <a:gd name="connsiteX25" fmla="*/ 4475713 w 6162926"/>
              <a:gd name="connsiteY25" fmla="*/ 221627 h 6862507"/>
              <a:gd name="connsiteX26" fmla="*/ 4685818 w 6162926"/>
              <a:gd name="connsiteY26" fmla="*/ 1134432 h 6862507"/>
              <a:gd name="connsiteX27" fmla="*/ 5427864 w 6162926"/>
              <a:gd name="connsiteY27" fmla="*/ 2331219 h 6862507"/>
              <a:gd name="connsiteX28" fmla="*/ 5436803 w 6162926"/>
              <a:gd name="connsiteY28" fmla="*/ 4722591 h 6862507"/>
              <a:gd name="connsiteX29" fmla="*/ 6025482 w 6162926"/>
              <a:gd name="connsiteY29" fmla="*/ 6670561 h 6862507"/>
              <a:gd name="connsiteX30" fmla="*/ 6126314 w 6162926"/>
              <a:gd name="connsiteY30" fmla="*/ 6862507 h 6862507"/>
              <a:gd name="connsiteX31" fmla="*/ 0 w 6162926"/>
              <a:gd name="connsiteY31" fmla="*/ 6862507 h 6862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6162926" h="6862507">
                <a:moveTo>
                  <a:pt x="4485905" y="0"/>
                </a:moveTo>
                <a:lnTo>
                  <a:pt x="6162926" y="0"/>
                </a:lnTo>
                <a:lnTo>
                  <a:pt x="6068048" y="185738"/>
                </a:lnTo>
                <a:cubicBezTo>
                  <a:pt x="5962587" y="406957"/>
                  <a:pt x="5867901" y="636625"/>
                  <a:pt x="5784228" y="874354"/>
                </a:cubicBezTo>
                <a:lnTo>
                  <a:pt x="5745003" y="995685"/>
                </a:lnTo>
                <a:lnTo>
                  <a:pt x="5729397" y="1038632"/>
                </a:lnTo>
                <a:lnTo>
                  <a:pt x="5705856" y="1116773"/>
                </a:lnTo>
                <a:lnTo>
                  <a:pt x="5667005" y="1236946"/>
                </a:lnTo>
                <a:lnTo>
                  <a:pt x="5637680" y="1343070"/>
                </a:lnTo>
                <a:lnTo>
                  <a:pt x="5616212" y="1414330"/>
                </a:lnTo>
                <a:lnTo>
                  <a:pt x="5603452" y="1466937"/>
                </a:lnTo>
                <a:lnTo>
                  <a:pt x="5595209" y="1496767"/>
                </a:lnTo>
                <a:cubicBezTo>
                  <a:pt x="5572776" y="1583765"/>
                  <a:pt x="5551844" y="1671140"/>
                  <a:pt x="5532423" y="1758852"/>
                </a:cubicBezTo>
                <a:lnTo>
                  <a:pt x="5531251" y="1764614"/>
                </a:lnTo>
                <a:lnTo>
                  <a:pt x="5521762" y="1803738"/>
                </a:lnTo>
                <a:lnTo>
                  <a:pt x="5505040" y="1893480"/>
                </a:lnTo>
                <a:lnTo>
                  <a:pt x="5478703" y="2022962"/>
                </a:lnTo>
                <a:lnTo>
                  <a:pt x="5458780" y="2141743"/>
                </a:lnTo>
                <a:lnTo>
                  <a:pt x="5446869" y="2205663"/>
                </a:lnTo>
                <a:lnTo>
                  <a:pt x="5442490" y="2238863"/>
                </a:lnTo>
                <a:lnTo>
                  <a:pt x="5434104" y="2288858"/>
                </a:lnTo>
                <a:cubicBezTo>
                  <a:pt x="5107942" y="1962016"/>
                  <a:pt x="4862779" y="1562752"/>
                  <a:pt x="4718367" y="1123248"/>
                </a:cubicBezTo>
                <a:cubicBezTo>
                  <a:pt x="4614238" y="804618"/>
                  <a:pt x="4542511" y="492660"/>
                  <a:pt x="4503324" y="186795"/>
                </a:cubicBezTo>
                <a:close/>
                <a:moveTo>
                  <a:pt x="0" y="0"/>
                </a:moveTo>
                <a:lnTo>
                  <a:pt x="4454089" y="0"/>
                </a:lnTo>
                <a:lnTo>
                  <a:pt x="4475713" y="221627"/>
                </a:lnTo>
                <a:cubicBezTo>
                  <a:pt x="4515072" y="521660"/>
                  <a:pt x="4585136" y="826318"/>
                  <a:pt x="4685818" y="1134432"/>
                </a:cubicBezTo>
                <a:cubicBezTo>
                  <a:pt x="4834750" y="1587052"/>
                  <a:pt x="5089171" y="1997379"/>
                  <a:pt x="5427864" y="2331219"/>
                </a:cubicBezTo>
                <a:cubicBezTo>
                  <a:pt x="5313370" y="3124423"/>
                  <a:pt x="5316389" y="3930285"/>
                  <a:pt x="5436803" y="4722591"/>
                </a:cubicBezTo>
                <a:cubicBezTo>
                  <a:pt x="5544736" y="5429281"/>
                  <a:pt x="5747139" y="6094007"/>
                  <a:pt x="6025482" y="6670561"/>
                </a:cubicBezTo>
                <a:lnTo>
                  <a:pt x="6126314" y="6862507"/>
                </a:lnTo>
                <a:lnTo>
                  <a:pt x="0" y="6862507"/>
                </a:lnTo>
                <a:close/>
              </a:path>
            </a:pathLst>
          </a:custGeom>
          <a:solidFill>
            <a:schemeClr val="bg1"/>
          </a:solidFill>
          <a:ln w="16739" cap="flat">
            <a:noFill/>
            <a:prstDash val="solid"/>
            <a:miter/>
          </a:ln>
        </p:spPr>
        <p:txBody>
          <a:bodyPr rtlCol="0" anchor="ctr">
            <a:noAutofit/>
          </a:bodyPr>
          <a:lstStyle/>
          <a:p>
            <a:endParaRPr lang="en-US"/>
          </a:p>
        </p:txBody>
      </p:sp>
      <p:sp>
        <p:nvSpPr>
          <p:cNvPr id="26" name="Picture Placeholder 25">
            <a:extLst>
              <a:ext uri="{FF2B5EF4-FFF2-40B4-BE49-F238E27FC236}">
                <a16:creationId xmlns:a16="http://schemas.microsoft.com/office/drawing/2014/main" id="{91EB24DA-6D15-4700-910D-C0BE2DBAFBC1}"/>
              </a:ext>
            </a:extLst>
          </p:cNvPr>
          <p:cNvSpPr>
            <a:spLocks noGrp="1"/>
          </p:cNvSpPr>
          <p:nvPr>
            <p:ph type="pic" sz="quarter" idx="14" hasCustomPrompt="1"/>
          </p:nvPr>
        </p:nvSpPr>
        <p:spPr>
          <a:xfrm>
            <a:off x="5279614" y="0"/>
            <a:ext cx="6912386" cy="6858000"/>
          </a:xfrm>
          <a:custGeom>
            <a:avLst/>
            <a:gdLst>
              <a:gd name="connsiteX0" fmla="*/ 3518 w 6912386"/>
              <a:gd name="connsiteY0" fmla="*/ 3862426 h 6858000"/>
              <a:gd name="connsiteX1" fmla="*/ 5761 w 6912386"/>
              <a:gd name="connsiteY1" fmla="*/ 3917802 h 6858000"/>
              <a:gd name="connsiteX2" fmla="*/ 4568 w 6912386"/>
              <a:gd name="connsiteY2" fmla="*/ 3902632 h 6858000"/>
              <a:gd name="connsiteX3" fmla="*/ 6651 w 6912386"/>
              <a:gd name="connsiteY3" fmla="*/ 3011487 h 6858000"/>
              <a:gd name="connsiteX4" fmla="*/ 0 w 6912386"/>
              <a:gd name="connsiteY4" fmla="*/ 3212933 h 6858000"/>
              <a:gd name="connsiteX5" fmla="*/ 4568 w 6912386"/>
              <a:gd name="connsiteY5" fmla="*/ 3037972 h 6858000"/>
              <a:gd name="connsiteX6" fmla="*/ 62923 w 6912386"/>
              <a:gd name="connsiteY6" fmla="*/ 2424724 h 6858000"/>
              <a:gd name="connsiteX7" fmla="*/ 24697 w 6912386"/>
              <a:gd name="connsiteY7" fmla="*/ 2782119 h 6858000"/>
              <a:gd name="connsiteX8" fmla="*/ 37878 w 6912386"/>
              <a:gd name="connsiteY8" fmla="*/ 2614586 h 6858000"/>
              <a:gd name="connsiteX9" fmla="*/ 104923 w 6912386"/>
              <a:gd name="connsiteY9" fmla="*/ 2358745 h 6858000"/>
              <a:gd name="connsiteX10" fmla="*/ 1797800 w 6912386"/>
              <a:gd name="connsiteY10" fmla="*/ 3303739 h 6858000"/>
              <a:gd name="connsiteX11" fmla="*/ 3614631 w 6912386"/>
              <a:gd name="connsiteY11" fmla="*/ 3532150 h 6858000"/>
              <a:gd name="connsiteX12" fmla="*/ 5433486 w 6912386"/>
              <a:gd name="connsiteY12" fmla="*/ 3223592 h 6858000"/>
              <a:gd name="connsiteX13" fmla="*/ 6814439 w 6912386"/>
              <a:gd name="connsiteY13" fmla="*/ 2598463 h 6858000"/>
              <a:gd name="connsiteX14" fmla="*/ 6912386 w 6912386"/>
              <a:gd name="connsiteY14" fmla="*/ 2535633 h 6858000"/>
              <a:gd name="connsiteX15" fmla="*/ 6912386 w 6912386"/>
              <a:gd name="connsiteY15" fmla="*/ 6858000 h 6858000"/>
              <a:gd name="connsiteX16" fmla="*/ 806446 w 6912386"/>
              <a:gd name="connsiteY16" fmla="*/ 6858000 h 6858000"/>
              <a:gd name="connsiteX17" fmla="*/ 770869 w 6912386"/>
              <a:gd name="connsiteY17" fmla="*/ 6794196 h 6858000"/>
              <a:gd name="connsiteX18" fmla="*/ 104923 w 6912386"/>
              <a:gd name="connsiteY18" fmla="*/ 2358745 h 6858000"/>
              <a:gd name="connsiteX19" fmla="*/ 177217 w 6912386"/>
              <a:gd name="connsiteY19" fmla="*/ 1758450 h 6858000"/>
              <a:gd name="connsiteX20" fmla="*/ 85820 w 6912386"/>
              <a:gd name="connsiteY20" fmla="*/ 2251143 h 6858000"/>
              <a:gd name="connsiteX21" fmla="*/ 92390 w 6912386"/>
              <a:gd name="connsiteY21" fmla="*/ 2201334 h 6858000"/>
              <a:gd name="connsiteX22" fmla="*/ 167283 w 6912386"/>
              <a:gd name="connsiteY22" fmla="*/ 1799409 h 6858000"/>
              <a:gd name="connsiteX23" fmla="*/ 296811 w 6912386"/>
              <a:gd name="connsiteY23" fmla="*/ 1293566 h 6858000"/>
              <a:gd name="connsiteX24" fmla="*/ 181716 w 6912386"/>
              <a:gd name="connsiteY24" fmla="*/ 1739902 h 6858000"/>
              <a:gd name="connsiteX25" fmla="*/ 261733 w 6912386"/>
              <a:gd name="connsiteY25" fmla="*/ 1410001 h 6858000"/>
              <a:gd name="connsiteX26" fmla="*/ 438727 w 6912386"/>
              <a:gd name="connsiteY26" fmla="*/ 858693 h 6858000"/>
              <a:gd name="connsiteX27" fmla="*/ 337166 w 6912386"/>
              <a:gd name="connsiteY27" fmla="*/ 1159615 h 6858000"/>
              <a:gd name="connsiteX28" fmla="*/ 374918 w 6912386"/>
              <a:gd name="connsiteY28" fmla="*/ 1034303 h 6858000"/>
              <a:gd name="connsiteX29" fmla="*/ 844835 w 6912386"/>
              <a:gd name="connsiteY29" fmla="*/ 0 h 6858000"/>
              <a:gd name="connsiteX30" fmla="*/ 6912386 w 6912386"/>
              <a:gd name="connsiteY30" fmla="*/ 0 h 6858000"/>
              <a:gd name="connsiteX31" fmla="*/ 6912386 w 6912386"/>
              <a:gd name="connsiteY31" fmla="*/ 2494142 h 6858000"/>
              <a:gd name="connsiteX32" fmla="*/ 6810598 w 6912386"/>
              <a:gd name="connsiteY32" fmla="*/ 2559489 h 6858000"/>
              <a:gd name="connsiteX33" fmla="*/ 5423030 w 6912386"/>
              <a:gd name="connsiteY33" fmla="*/ 3190041 h 6858000"/>
              <a:gd name="connsiteX34" fmla="*/ 1807243 w 6912386"/>
              <a:gd name="connsiteY34" fmla="*/ 3269849 h 6858000"/>
              <a:gd name="connsiteX35" fmla="*/ 110825 w 6912386"/>
              <a:gd name="connsiteY35" fmla="*/ 2315707 h 6858000"/>
              <a:gd name="connsiteX36" fmla="*/ 344738 w 6912386"/>
              <a:gd name="connsiteY36" fmla="*/ 1241597 h 6858000"/>
              <a:gd name="connsiteX37" fmla="*/ 772379 w 6912386"/>
              <a:gd name="connsiteY37" fmla="*/ 13770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6912386" h="6858000">
                <a:moveTo>
                  <a:pt x="3518" y="3862426"/>
                </a:moveTo>
                <a:lnTo>
                  <a:pt x="5761" y="3917802"/>
                </a:lnTo>
                <a:lnTo>
                  <a:pt x="4568" y="3902632"/>
                </a:lnTo>
                <a:close/>
                <a:moveTo>
                  <a:pt x="6651" y="3011487"/>
                </a:moveTo>
                <a:lnTo>
                  <a:pt x="0" y="3212933"/>
                </a:lnTo>
                <a:lnTo>
                  <a:pt x="4568" y="3037972"/>
                </a:lnTo>
                <a:close/>
                <a:moveTo>
                  <a:pt x="62923" y="2424724"/>
                </a:moveTo>
                <a:lnTo>
                  <a:pt x="24697" y="2782119"/>
                </a:lnTo>
                <a:lnTo>
                  <a:pt x="37878" y="2614586"/>
                </a:lnTo>
                <a:close/>
                <a:moveTo>
                  <a:pt x="104923" y="2358745"/>
                </a:moveTo>
                <a:cubicBezTo>
                  <a:pt x="538514" y="2778460"/>
                  <a:pt x="1111577" y="3102100"/>
                  <a:pt x="1797800" y="3303739"/>
                </a:cubicBezTo>
                <a:cubicBezTo>
                  <a:pt x="2356863" y="3468099"/>
                  <a:pt x="2985241" y="3547061"/>
                  <a:pt x="3614631" y="3532150"/>
                </a:cubicBezTo>
                <a:cubicBezTo>
                  <a:pt x="4232587" y="3518255"/>
                  <a:pt x="4845248" y="3414318"/>
                  <a:pt x="5433486" y="3223592"/>
                </a:cubicBezTo>
                <a:cubicBezTo>
                  <a:pt x="5981061" y="3042922"/>
                  <a:pt x="6436210" y="2828478"/>
                  <a:pt x="6814439" y="2598463"/>
                </a:cubicBezTo>
                <a:lnTo>
                  <a:pt x="6912386" y="2535633"/>
                </a:lnTo>
                <a:lnTo>
                  <a:pt x="6912386" y="6858000"/>
                </a:lnTo>
                <a:lnTo>
                  <a:pt x="806446" y="6858000"/>
                </a:lnTo>
                <a:lnTo>
                  <a:pt x="770869" y="6794196"/>
                </a:lnTo>
                <a:cubicBezTo>
                  <a:pt x="130701" y="5560220"/>
                  <a:pt x="-114318" y="3926988"/>
                  <a:pt x="104923" y="2358745"/>
                </a:cubicBezTo>
                <a:close/>
                <a:moveTo>
                  <a:pt x="177217" y="1758450"/>
                </a:moveTo>
                <a:lnTo>
                  <a:pt x="85820" y="2251143"/>
                </a:lnTo>
                <a:lnTo>
                  <a:pt x="92390" y="2201334"/>
                </a:lnTo>
                <a:cubicBezTo>
                  <a:pt x="114003" y="2065405"/>
                  <a:pt x="139013" y="1931364"/>
                  <a:pt x="167283" y="1799409"/>
                </a:cubicBezTo>
                <a:close/>
                <a:moveTo>
                  <a:pt x="296811" y="1293566"/>
                </a:moveTo>
                <a:lnTo>
                  <a:pt x="181716" y="1739902"/>
                </a:lnTo>
                <a:lnTo>
                  <a:pt x="261733" y="1410001"/>
                </a:lnTo>
                <a:close/>
                <a:moveTo>
                  <a:pt x="438727" y="858693"/>
                </a:moveTo>
                <a:lnTo>
                  <a:pt x="337166" y="1159615"/>
                </a:lnTo>
                <a:lnTo>
                  <a:pt x="374918" y="1034303"/>
                </a:lnTo>
                <a:close/>
                <a:moveTo>
                  <a:pt x="844835" y="0"/>
                </a:moveTo>
                <a:lnTo>
                  <a:pt x="6912386" y="0"/>
                </a:lnTo>
                <a:lnTo>
                  <a:pt x="6912386" y="2494142"/>
                </a:lnTo>
                <a:lnTo>
                  <a:pt x="6810598" y="2559489"/>
                </a:lnTo>
                <a:cubicBezTo>
                  <a:pt x="6404413" y="2807894"/>
                  <a:pt x="5939975" y="3019495"/>
                  <a:pt x="5423030" y="3190041"/>
                </a:cubicBezTo>
                <a:cubicBezTo>
                  <a:pt x="4259031" y="3574850"/>
                  <a:pt x="2941224" y="3603317"/>
                  <a:pt x="1807243" y="3269849"/>
                </a:cubicBezTo>
                <a:cubicBezTo>
                  <a:pt x="1117141" y="3067024"/>
                  <a:pt x="542561" y="2741013"/>
                  <a:pt x="110825" y="2315707"/>
                </a:cubicBezTo>
                <a:cubicBezTo>
                  <a:pt x="163106" y="1952503"/>
                  <a:pt x="241275" y="1593546"/>
                  <a:pt x="344738" y="1241597"/>
                </a:cubicBezTo>
                <a:cubicBezTo>
                  <a:pt x="459619" y="852785"/>
                  <a:pt x="602739" y="484216"/>
                  <a:pt x="772379" y="137706"/>
                </a:cubicBezTo>
                <a:close/>
              </a:path>
            </a:pathLst>
          </a:cu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dirty="0"/>
          </a:p>
        </p:txBody>
      </p:sp>
      <p:sp>
        <p:nvSpPr>
          <p:cNvPr id="27" name="Text Placeholder 21">
            <a:extLst>
              <a:ext uri="{FF2B5EF4-FFF2-40B4-BE49-F238E27FC236}">
                <a16:creationId xmlns:a16="http://schemas.microsoft.com/office/drawing/2014/main" id="{FD0E20D7-71DE-4793-9AB1-96EA2776F8C8}"/>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44A0F315-9FFD-48A3-ABBB-761872DC1980}"/>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5675726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Separating Slide with with Picture (2)">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E163D145-9570-439A-AF4E-3F0A8CE63BFD}"/>
              </a:ext>
            </a:extLst>
          </p:cNvPr>
          <p:cNvSpPr/>
          <p:nvPr userDrawn="1"/>
        </p:nvSpPr>
        <p:spPr>
          <a:xfrm>
            <a:off x="-74864" y="0"/>
            <a:ext cx="6170864"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2947023"/>
            <a:ext cx="3985549" cy="640585"/>
          </a:xfrm>
        </p:spPr>
        <p:txBody>
          <a:bodyPr anchor="b">
            <a:noAutofit/>
          </a:bodyPr>
          <a:lstStyle>
            <a:lvl1pPr>
              <a:defRPr>
                <a:solidFill>
                  <a:schemeClr val="accent1"/>
                </a:solidFill>
              </a:defRPr>
            </a:lvl1pPr>
          </a:lstStyle>
          <a:p>
            <a:r>
              <a:rPr lang="en-GB"/>
              <a:t>Click to edit Master title style</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3602848"/>
            <a:ext cx="3985549" cy="462728"/>
          </a:xfrm>
        </p:spPr>
        <p:txBody>
          <a:bodyPr lIns="0" tIns="0" rIns="0" bIns="0">
            <a:noAutofit/>
          </a:bodyPr>
          <a:lstStyle>
            <a:lvl1pPr>
              <a:defRPr lang="en-GB" sz="2400" dirty="0">
                <a:solidFill>
                  <a:schemeClr val="tx2"/>
                </a:solidFill>
              </a:defRPr>
            </a:lvl1pPr>
          </a:lstStyle>
          <a:p>
            <a:pPr marL="0" lvl="0" indent="0">
              <a:buNone/>
            </a:pPr>
            <a:r>
              <a:rPr lang="en-GB" noProof="0"/>
              <a:t>Click to edit Master subtitle style</a:t>
            </a:r>
            <a:endParaRPr lang="en-US" noProof="0"/>
          </a:p>
        </p:txBody>
      </p:sp>
      <p:sp>
        <p:nvSpPr>
          <p:cNvPr id="13" name="Picture Placeholder 12">
            <a:extLst>
              <a:ext uri="{FF2B5EF4-FFF2-40B4-BE49-F238E27FC236}">
                <a16:creationId xmlns:a16="http://schemas.microsoft.com/office/drawing/2014/main" id="{E8398221-5A25-4A8D-8F58-2E6809428F4B}"/>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0" name="Text Placeholder 21">
            <a:extLst>
              <a:ext uri="{FF2B5EF4-FFF2-40B4-BE49-F238E27FC236}">
                <a16:creationId xmlns:a16="http://schemas.microsoft.com/office/drawing/2014/main" id="{667F89F9-3CE8-4E08-9B57-CB5F65797AC9}"/>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1" name="Text Placeholder 21">
            <a:extLst>
              <a:ext uri="{FF2B5EF4-FFF2-40B4-BE49-F238E27FC236}">
                <a16:creationId xmlns:a16="http://schemas.microsoft.com/office/drawing/2014/main" id="{B731A0C5-A536-445A-8805-8BA49FB2739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806873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Quote Slide">
    <p:bg>
      <p:bgPr>
        <a:solidFill>
          <a:schemeClr val="tx2"/>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lvl1pPr>
              <a:defRPr>
                <a:solidFill>
                  <a:schemeClr val="bg1"/>
                </a:solidFill>
              </a:defRPr>
            </a:lvl1pPr>
          </a:lstStyle>
          <a:p>
            <a:fld id="{555B1587-59F1-4FB5-A363-0505DAC627C3}" type="slidenum">
              <a:rPr lang="en-US" smtClean="0"/>
              <a:pPr/>
              <a:t>‹#›</a:t>
            </a:fld>
            <a:endParaRPr lang="en-US"/>
          </a:p>
        </p:txBody>
      </p:sp>
      <p:sp>
        <p:nvSpPr>
          <p:cNvPr id="4" name="Text Placeholder 3">
            <a:extLst>
              <a:ext uri="{FF2B5EF4-FFF2-40B4-BE49-F238E27FC236}">
                <a16:creationId xmlns:a16="http://schemas.microsoft.com/office/drawing/2014/main" id="{F07E94E8-D37C-4617-835F-A14D05D5FA49}"/>
              </a:ext>
            </a:extLst>
          </p:cNvPr>
          <p:cNvSpPr>
            <a:spLocks noGrp="1"/>
          </p:cNvSpPr>
          <p:nvPr>
            <p:ph type="body" sz="quarter" idx="17" hasCustomPrompt="1"/>
          </p:nvPr>
        </p:nvSpPr>
        <p:spPr>
          <a:xfrm>
            <a:off x="609600" y="773575"/>
            <a:ext cx="10972802" cy="5310387"/>
          </a:xfrm>
        </p:spPr>
        <p:txBody>
          <a:bodyPr anchor="ctr"/>
          <a:lstStyle>
            <a:lvl1pPr algn="ctr">
              <a:defRPr sz="7200">
                <a:solidFill>
                  <a:schemeClr val="bg1"/>
                </a:solidFill>
                <a:latin typeface="+mj-lt"/>
              </a:defRPr>
            </a:lvl1pPr>
            <a:lvl2pPr marL="0" indent="0" algn="ctr">
              <a:spcBef>
                <a:spcPts val="3200"/>
              </a:spcBef>
              <a:buNone/>
              <a:defRPr sz="2400">
                <a:solidFill>
                  <a:schemeClr val="bg1"/>
                </a:solidFill>
                <a:latin typeface="+mj-lt"/>
              </a:defRPr>
            </a:lvl2pPr>
            <a:lvl3pPr marL="0" indent="0" algn="ctr">
              <a:buNone/>
              <a:defRPr>
                <a:solidFill>
                  <a:schemeClr val="bg1"/>
                </a:solidFill>
              </a:defRPr>
            </a:lvl3pPr>
            <a:lvl4pPr marL="0" indent="0" algn="ctr">
              <a:buNone/>
              <a:defRPr>
                <a:solidFill>
                  <a:schemeClr val="bg1"/>
                </a:solidFill>
              </a:defRPr>
            </a:lvl4pPr>
            <a:lvl5pPr algn="ctr">
              <a:defRPr>
                <a:solidFill>
                  <a:schemeClr val="bg1"/>
                </a:solidFill>
              </a:defRPr>
            </a:lvl5pPr>
          </a:lstStyle>
          <a:p>
            <a:pPr lvl="0"/>
            <a:r>
              <a:rPr lang="en-US" dirty="0"/>
              <a:t>“Quote”</a:t>
            </a:r>
          </a:p>
          <a:p>
            <a:pPr lvl="1"/>
            <a:r>
              <a:rPr lang="en-US" dirty="0"/>
              <a:t>Reference</a:t>
            </a:r>
          </a:p>
        </p:txBody>
      </p:sp>
      <p:sp>
        <p:nvSpPr>
          <p:cNvPr id="17" name="Text Placeholder 21">
            <a:extLst>
              <a:ext uri="{FF2B5EF4-FFF2-40B4-BE49-F238E27FC236}">
                <a16:creationId xmlns:a16="http://schemas.microsoft.com/office/drawing/2014/main" id="{17F17E1B-7910-408F-AB24-9234F8C8E3AF}"/>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8" name="Text Placeholder 21">
            <a:extLst>
              <a:ext uri="{FF2B5EF4-FFF2-40B4-BE49-F238E27FC236}">
                <a16:creationId xmlns:a16="http://schemas.microsoft.com/office/drawing/2014/main" id="{A670531E-444D-434E-9BF1-618D378E67A4}"/>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612888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xt and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205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09600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2" name="Text Placeholder 21">
            <a:extLst>
              <a:ext uri="{FF2B5EF4-FFF2-40B4-BE49-F238E27FC236}">
                <a16:creationId xmlns:a16="http://schemas.microsoft.com/office/drawing/2014/main" id="{9CFE1D75-7251-4483-BBC0-74419743A7AE}"/>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3" name="Text Placeholder 21">
            <a:extLst>
              <a:ext uri="{FF2B5EF4-FFF2-40B4-BE49-F238E27FC236}">
                <a16:creationId xmlns:a16="http://schemas.microsoft.com/office/drawing/2014/main" id="{BA0FC536-0452-4EEF-9633-5C9F8DD298BC}"/>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265709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xt and Picture with Caption">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CFEA95E3-2877-42A9-A3C8-3758AA03A4F1}"/>
              </a:ext>
            </a:extLst>
          </p:cNvPr>
          <p:cNvSpPr/>
          <p:nvPr userDrawn="1"/>
        </p:nvSpPr>
        <p:spPr>
          <a:xfrm>
            <a:off x="857250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5125133"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5125133"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8" name="Picture Placeholder 17">
            <a:extLst>
              <a:ext uri="{FF2B5EF4-FFF2-40B4-BE49-F238E27FC236}">
                <a16:creationId xmlns:a16="http://schemas.microsoft.com/office/drawing/2014/main" id="{55D30CEF-6343-41E0-8E25-7AE366C1E2D9}"/>
              </a:ext>
            </a:extLst>
          </p:cNvPr>
          <p:cNvSpPr>
            <a:spLocks noGrp="1"/>
          </p:cNvSpPr>
          <p:nvPr>
            <p:ph type="pic" sz="quarter" idx="14" hasCustomPrompt="1"/>
          </p:nvPr>
        </p:nvSpPr>
        <p:spPr>
          <a:xfrm>
            <a:off x="6096000" y="0"/>
            <a:ext cx="6096000" cy="6858000"/>
          </a:xfrm>
          <a:custGeom>
            <a:avLst/>
            <a:gdLst>
              <a:gd name="connsiteX0" fmla="*/ 0 w 6096000"/>
              <a:gd name="connsiteY0" fmla="*/ 0 h 6858000"/>
              <a:gd name="connsiteX1" fmla="*/ 6096000 w 6096000"/>
              <a:gd name="connsiteY1" fmla="*/ 0 h 6858000"/>
              <a:gd name="connsiteX2" fmla="*/ 6096000 w 6096000"/>
              <a:gd name="connsiteY2" fmla="*/ 4301490 h 6858000"/>
              <a:gd name="connsiteX3" fmla="*/ 2476500 w 6096000"/>
              <a:gd name="connsiteY3" fmla="*/ 4301490 h 6858000"/>
              <a:gd name="connsiteX4" fmla="*/ 2476500 w 6096000"/>
              <a:gd name="connsiteY4" fmla="*/ 6082642 h 6858000"/>
              <a:gd name="connsiteX5" fmla="*/ 6096000 w 6096000"/>
              <a:gd name="connsiteY5" fmla="*/ 6082642 h 6858000"/>
              <a:gd name="connsiteX6" fmla="*/ 6096000 w 6096000"/>
              <a:gd name="connsiteY6" fmla="*/ 6858000 h 6858000"/>
              <a:gd name="connsiteX7" fmla="*/ 0 w 6096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4301490"/>
                </a:lnTo>
                <a:lnTo>
                  <a:pt x="2476500" y="4301490"/>
                </a:lnTo>
                <a:lnTo>
                  <a:pt x="2476500" y="6082642"/>
                </a:lnTo>
                <a:lnTo>
                  <a:pt x="6096000" y="6082642"/>
                </a:lnTo>
                <a:lnTo>
                  <a:pt x="6096000" y="6858000"/>
                </a:lnTo>
                <a:lnTo>
                  <a:pt x="0" y="6858000"/>
                </a:lnTo>
                <a:close/>
              </a:path>
            </a:pathLst>
          </a:custGeom>
          <a:solidFill>
            <a:schemeClr val="tx2"/>
          </a:solidFill>
        </p:spPr>
        <p:txBody>
          <a:bodyPr wrap="square" tIns="828000" anchor="ctr" anchorCtr="1">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4" name="Content Placeholder 2">
            <a:extLst>
              <a:ext uri="{FF2B5EF4-FFF2-40B4-BE49-F238E27FC236}">
                <a16:creationId xmlns:a16="http://schemas.microsoft.com/office/drawing/2014/main" id="{7FBAD3CA-2CBF-4717-8BAC-D05DCBA68E4B}"/>
              </a:ext>
            </a:extLst>
          </p:cNvPr>
          <p:cNvSpPr>
            <a:spLocks noGrp="1"/>
          </p:cNvSpPr>
          <p:nvPr>
            <p:ph idx="17"/>
          </p:nvPr>
        </p:nvSpPr>
        <p:spPr>
          <a:xfrm>
            <a:off x="8879681" y="4607977"/>
            <a:ext cx="2675711" cy="1172980"/>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3" name="Text Placeholder 21">
            <a:extLst>
              <a:ext uri="{FF2B5EF4-FFF2-40B4-BE49-F238E27FC236}">
                <a16:creationId xmlns:a16="http://schemas.microsoft.com/office/drawing/2014/main" id="{3F7486DE-2423-43A7-8B62-EF7AB2CCC450}"/>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15" name="Text Placeholder 21">
            <a:extLst>
              <a:ext uri="{FF2B5EF4-FFF2-40B4-BE49-F238E27FC236}">
                <a16:creationId xmlns:a16="http://schemas.microsoft.com/office/drawing/2014/main" id="{51966D72-99E9-4B07-B55F-0313F6EECDDD}"/>
              </a:ext>
            </a:extLst>
          </p:cNvPr>
          <p:cNvSpPr>
            <a:spLocks noGrp="1" noChangeAspect="1"/>
          </p:cNvSpPr>
          <p:nvPr>
            <p:ph type="body" sz="quarter" idx="19"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74867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2)">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0" y="0"/>
            <a:ext cx="6096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4092936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and Picture with Caption (2)">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ECECE92-8116-48F5-AA44-C8DF8A2B62F8}"/>
              </a:ext>
            </a:extLst>
          </p:cNvPr>
          <p:cNvSpPr/>
          <p:nvPr userDrawn="1"/>
        </p:nvSpPr>
        <p:spPr>
          <a:xfrm>
            <a:off x="0" y="4301490"/>
            <a:ext cx="3619500" cy="17811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9" name="Picture Placeholder 18">
            <a:extLst>
              <a:ext uri="{FF2B5EF4-FFF2-40B4-BE49-F238E27FC236}">
                <a16:creationId xmlns:a16="http://schemas.microsoft.com/office/drawing/2014/main" id="{41FC4B7D-F8EE-40C8-B167-441F1B964AE7}"/>
              </a:ext>
            </a:extLst>
          </p:cNvPr>
          <p:cNvSpPr>
            <a:spLocks noGrp="1"/>
          </p:cNvSpPr>
          <p:nvPr>
            <p:ph type="pic" sz="quarter" idx="14" hasCustomPrompt="1"/>
          </p:nvPr>
        </p:nvSpPr>
        <p:spPr>
          <a:xfrm>
            <a:off x="0" y="0"/>
            <a:ext cx="6096000" cy="6858000"/>
          </a:xfrm>
          <a:custGeom>
            <a:avLst/>
            <a:gdLst>
              <a:gd name="connsiteX0" fmla="*/ 0 w 6096000"/>
              <a:gd name="connsiteY0" fmla="*/ 0 h 6858000"/>
              <a:gd name="connsiteX1" fmla="*/ 6096000 w 6096000"/>
              <a:gd name="connsiteY1" fmla="*/ 0 h 6858000"/>
              <a:gd name="connsiteX2" fmla="*/ 6096000 w 6096000"/>
              <a:gd name="connsiteY2" fmla="*/ 6858000 h 6858000"/>
              <a:gd name="connsiteX3" fmla="*/ 0 w 6096000"/>
              <a:gd name="connsiteY3" fmla="*/ 6858000 h 6858000"/>
              <a:gd name="connsiteX4" fmla="*/ 0 w 6096000"/>
              <a:gd name="connsiteY4" fmla="*/ 6082642 h 6858000"/>
              <a:gd name="connsiteX5" fmla="*/ 3619500 w 6096000"/>
              <a:gd name="connsiteY5" fmla="*/ 6082642 h 6858000"/>
              <a:gd name="connsiteX6" fmla="*/ 3619500 w 6096000"/>
              <a:gd name="connsiteY6" fmla="*/ 4301490 h 6858000"/>
              <a:gd name="connsiteX7" fmla="*/ 0 w 6096000"/>
              <a:gd name="connsiteY7" fmla="*/ 430149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58000">
                <a:moveTo>
                  <a:pt x="0" y="0"/>
                </a:moveTo>
                <a:lnTo>
                  <a:pt x="6096000" y="0"/>
                </a:lnTo>
                <a:lnTo>
                  <a:pt x="6096000" y="6858000"/>
                </a:lnTo>
                <a:lnTo>
                  <a:pt x="0" y="6858000"/>
                </a:lnTo>
                <a:lnTo>
                  <a:pt x="0" y="6082642"/>
                </a:lnTo>
                <a:lnTo>
                  <a:pt x="3619500" y="6082642"/>
                </a:lnTo>
                <a:lnTo>
                  <a:pt x="3619500" y="4301490"/>
                </a:lnTo>
                <a:lnTo>
                  <a:pt x="0" y="4301490"/>
                </a:lnTo>
                <a:close/>
              </a:path>
            </a:pathLst>
          </a:custGeom>
          <a:solidFill>
            <a:schemeClr val="tx2"/>
          </a:solidFill>
        </p:spPr>
        <p:txBody>
          <a:bodyPr wrap="square" tIns="828000" anchor="ctr">
            <a:noAutofit/>
          </a:bodyPr>
          <a:lstStyle>
            <a:lvl1pPr algn="ctr">
              <a:defRPr>
                <a:solidFill>
                  <a:schemeClr val="bg1"/>
                </a:solidFill>
              </a:defRPr>
            </a:lvl1pPr>
          </a:lstStyle>
          <a:p>
            <a:r>
              <a:rPr lang="en-US"/>
              <a:t>Click here and select an image from the Images Library in Templafy.</a:t>
            </a:r>
            <a:br>
              <a:rPr lang="en-US"/>
            </a:br>
            <a:r>
              <a:rPr lang="en-US"/>
              <a:t>Next, select a line from the Slide Elements Librar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chemeClr val="bg1"/>
                </a:solidFill>
              </a:defRPr>
            </a:lvl1pPr>
          </a:lstStyle>
          <a:p>
            <a:fld id="{555B1587-59F1-4FB5-A363-0505DAC627C3}" type="slidenum">
              <a:rPr lang="en-US" smtClean="0"/>
              <a:pPr/>
              <a:t>‹#›</a:t>
            </a:fld>
            <a:endParaRPr lang="en-US"/>
          </a:p>
        </p:txBody>
      </p:sp>
      <p:sp>
        <p:nvSpPr>
          <p:cNvPr id="12" name="Content Placeholder 2">
            <a:extLst>
              <a:ext uri="{FF2B5EF4-FFF2-40B4-BE49-F238E27FC236}">
                <a16:creationId xmlns:a16="http://schemas.microsoft.com/office/drawing/2014/main" id="{DD944D76-2D13-4382-8D82-55E28D6973AA}"/>
              </a:ext>
            </a:extLst>
          </p:cNvPr>
          <p:cNvSpPr>
            <a:spLocks noGrp="1"/>
          </p:cNvSpPr>
          <p:nvPr>
            <p:ph idx="17"/>
          </p:nvPr>
        </p:nvSpPr>
        <p:spPr>
          <a:xfrm>
            <a:off x="343864" y="4605576"/>
            <a:ext cx="2968453" cy="1169884"/>
          </a:xfrm>
          <a:noFill/>
        </p:spPr>
        <p:txBody>
          <a:bodyPr>
            <a:no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310930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709459"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709459" y="2182368"/>
            <a:ext cx="4865226" cy="3902057"/>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709459"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4" name="Text Placeholder 21">
            <a:extLst>
              <a:ext uri="{FF2B5EF4-FFF2-40B4-BE49-F238E27FC236}">
                <a16:creationId xmlns:a16="http://schemas.microsoft.com/office/drawing/2014/main" id="{9B39EED1-497C-47FD-88D3-0BEF77B6AC66}"/>
              </a:ext>
            </a:extLst>
          </p:cNvPr>
          <p:cNvSpPr>
            <a:spLocks noGrp="1" noChangeAspect="1"/>
          </p:cNvSpPr>
          <p:nvPr>
            <p:ph type="body" sz="quarter" idx="18" hasCustomPrompt="1"/>
          </p:nvPr>
        </p:nvSpPr>
        <p:spPr>
          <a:xfrm>
            <a:off x="10664855" y="6392069"/>
            <a:ext cx="890406" cy="162000"/>
          </a:xfrm>
          <a:blipFill>
            <a:blip r:embed="rId2"/>
            <a:stretch>
              <a:fillRect/>
            </a:stretch>
          </a:blipFill>
        </p:spPr>
        <p:txBody>
          <a:bodyPr/>
          <a:lstStyle>
            <a:lvl1pPr>
              <a:defRPr/>
            </a:lvl1pPr>
            <a:lvl5pPr>
              <a:defRPr/>
            </a:lvl5pPr>
          </a:lstStyle>
          <a:p>
            <a:pPr lvl="0"/>
            <a:r>
              <a:rPr lang="en-US" dirty="0"/>
              <a:t>  </a:t>
            </a:r>
            <a:endParaRPr lang="de-DE" dirty="0"/>
          </a:p>
        </p:txBody>
      </p:sp>
      <p:sp>
        <p:nvSpPr>
          <p:cNvPr id="25" name="Text Placeholder 21">
            <a:extLst>
              <a:ext uri="{FF2B5EF4-FFF2-40B4-BE49-F238E27FC236}">
                <a16:creationId xmlns:a16="http://schemas.microsoft.com/office/drawing/2014/main" id="{FA1B73D7-BAEF-4926-8FA2-541980E6AA22}"/>
              </a:ext>
            </a:extLst>
          </p:cNvPr>
          <p:cNvSpPr>
            <a:spLocks noGrp="1" noChangeAspect="1"/>
          </p:cNvSpPr>
          <p:nvPr>
            <p:ph type="body" sz="quarter" idx="17" hasCustomPrompt="1"/>
          </p:nvPr>
        </p:nvSpPr>
        <p:spPr>
          <a:xfrm>
            <a:off x="10664855" y="6392069"/>
            <a:ext cx="890406" cy="162000"/>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40249583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28" name="Text Placeholder 21">
            <a:extLst>
              <a:ext uri="{FF2B5EF4-FFF2-40B4-BE49-F238E27FC236}">
                <a16:creationId xmlns:a16="http://schemas.microsoft.com/office/drawing/2014/main" id="{B4D113F3-7164-4271-8BFB-5972DCBC506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29" name="Text Placeholder 21">
            <a:extLst>
              <a:ext uri="{FF2B5EF4-FFF2-40B4-BE49-F238E27FC236}">
                <a16:creationId xmlns:a16="http://schemas.microsoft.com/office/drawing/2014/main" id="{6D3EE1A2-E404-42AA-A379-76552C95D5CD}"/>
              </a:ext>
            </a:extLst>
          </p:cNvPr>
          <p:cNvSpPr>
            <a:spLocks noGrp="1" noChangeAspect="1"/>
          </p:cNvSpPr>
          <p:nvPr>
            <p:ph type="body" sz="quarter" idx="17" hasCustomPrompt="1"/>
          </p:nvPr>
        </p:nvSpPr>
        <p:spPr>
          <a:xfrm>
            <a:off x="9125551" y="6960832"/>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3178624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Illustration (2)">
    <p:bg>
      <p:bgPr>
        <a:solidFill>
          <a:srgbClr val="EFEFEF"/>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7BB976F5-9C1D-4A08-B736-18D226E1FA40}"/>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3" name="Rectangle 12">
            <a:extLst>
              <a:ext uri="{FF2B5EF4-FFF2-40B4-BE49-F238E27FC236}">
                <a16:creationId xmlns:a16="http://schemas.microsoft.com/office/drawing/2014/main" id="{DC2EEA33-2E5B-4611-AD95-68E5FEAB1D15}"/>
              </a:ext>
            </a:extLst>
          </p:cNvPr>
          <p:cNvSpPr/>
          <p:nvPr userDrawn="1"/>
        </p:nvSpPr>
        <p:spPr>
          <a:xfrm>
            <a:off x="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17315" y="585788"/>
            <a:ext cx="4861370" cy="5498638"/>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709459"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709459" y="2182368"/>
            <a:ext cx="4865226" cy="390205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709459"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709459"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3022923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p:bg>
      <p:bgPr>
        <a:solidFill>
          <a:schemeClr val="tx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a:p>
        </p:txBody>
      </p:sp>
      <p:sp>
        <p:nvSpPr>
          <p:cNvPr id="24" name="Picture Placeholder 25">
            <a:extLst>
              <a:ext uri="{FF2B5EF4-FFF2-40B4-BE49-F238E27FC236}">
                <a16:creationId xmlns:a16="http://schemas.microsoft.com/office/drawing/2014/main" id="{0DFCD3AE-C4CA-48E8-823C-3656BFF22819}"/>
              </a:ext>
            </a:extLst>
          </p:cNvPr>
          <p:cNvSpPr>
            <a:spLocks noGrp="1"/>
          </p:cNvSpPr>
          <p:nvPr>
            <p:ph type="pic" sz="quarter" idx="14" hasCustomPrompt="1"/>
          </p:nvPr>
        </p:nvSpPr>
        <p:spPr>
          <a:xfrm>
            <a:off x="6713315" y="585788"/>
            <a:ext cx="4861370" cy="5496854"/>
          </a:xfrm>
          <a:prstGeom prst="rect">
            <a:avLst/>
          </a:prstGeom>
          <a:noFill/>
        </p:spPr>
        <p:txBody>
          <a:bodyPr wrap="square" tIns="0" bIns="180000" anchor="b" anchorCtr="0">
            <a:noAutofit/>
          </a:bodyPr>
          <a:lstStyle>
            <a:lvl1pPr algn="ctr">
              <a:defRPr/>
            </a:lvl1pPr>
          </a:lstStyle>
          <a:p>
            <a:r>
              <a:rPr lang="en-US"/>
              <a:t>Click here and select an illustration from</a:t>
            </a:r>
            <a:br>
              <a:rPr lang="en-US"/>
            </a:br>
            <a:r>
              <a:rPr lang="en-US"/>
              <a:t>the Illustrations Library in Templafy.</a:t>
            </a:r>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a:xfrm>
            <a:off x="609600" y="585787"/>
            <a:ext cx="4865226" cy="640585"/>
          </a:xfrm>
        </p:spPr>
        <p:txBody>
          <a:bodyPr>
            <a:noAutofit/>
          </a:bodyPr>
          <a:lstStyle>
            <a:lvl1pPr>
              <a:defRPr>
                <a:solidFill>
                  <a:schemeClr val="bg1"/>
                </a:solidFill>
              </a:defRPr>
            </a:lvl1p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4865226" cy="3900274"/>
          </a:xfrm>
        </p:spPr>
        <p:txBody>
          <a:bodyPr>
            <a:noAutofit/>
          </a:bodyPr>
          <a:lstStyle>
            <a:lvl1pPr>
              <a:defRPr>
                <a:solidFill>
                  <a:schemeClr val="bg1"/>
                </a:solidFill>
              </a:defRPr>
            </a:lvl1pPr>
            <a:lvl2pPr>
              <a:buClr>
                <a:schemeClr val="accent1"/>
              </a:buClr>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4865226"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4865226" cy="375320"/>
          </a:xfrm>
        </p:spPr>
        <p:txBody>
          <a:bodyPr>
            <a:noAutofit/>
          </a:bodyPr>
          <a:lstStyle>
            <a:lvl1pPr>
              <a:defRPr sz="1800">
                <a:solidFill>
                  <a:schemeClr val="bg1"/>
                </a:solidFill>
                <a:latin typeface="+mj-lt"/>
              </a:defRPr>
            </a:lvl1pPr>
          </a:lstStyle>
          <a:p>
            <a:pPr lvl="0"/>
            <a:r>
              <a:rPr lang="en-GB"/>
              <a:t>Click to edit Master text styles</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28" name="Graphic 31">
            <a:extLst>
              <a:ext uri="{FF2B5EF4-FFF2-40B4-BE49-F238E27FC236}">
                <a16:creationId xmlns:a16="http://schemas.microsoft.com/office/drawing/2014/main" id="{93621268-7B25-485D-B6F1-F01FABDCCFC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8876731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ext and Illustration Right (2)">
    <p:bg>
      <p:bgPr>
        <a:solidFill>
          <a:srgbClr val="EFEFEF"/>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6" name="Picture Placeholder 25">
            <a:extLst>
              <a:ext uri="{FF2B5EF4-FFF2-40B4-BE49-F238E27FC236}">
                <a16:creationId xmlns:a16="http://schemas.microsoft.com/office/drawing/2014/main" id="{D1C6E884-F1C7-41B3-82F4-E73A98C2A159}"/>
              </a:ext>
            </a:extLst>
          </p:cNvPr>
          <p:cNvSpPr>
            <a:spLocks noGrp="1"/>
          </p:cNvSpPr>
          <p:nvPr>
            <p:ph type="pic" sz="quarter" idx="14" hasCustomPrompt="1"/>
          </p:nvPr>
        </p:nvSpPr>
        <p:spPr>
          <a:xfrm>
            <a:off x="6713315" y="585786"/>
            <a:ext cx="4861370" cy="5496855"/>
          </a:xfrm>
          <a:prstGeom prst="rect">
            <a:avLst/>
          </a:prstGeom>
          <a:noFill/>
        </p:spPr>
        <p:txBody>
          <a:bodyPr wrap="square" bIns="180000" anchor="b">
            <a:noAutofit/>
          </a:bodyPr>
          <a:lstStyle>
            <a:lvl1pPr algn="ctr">
              <a:defRPr/>
            </a:lvl1pPr>
          </a:lstStyle>
          <a:p>
            <a:r>
              <a:rPr lang="en-US"/>
              <a:t>Click here and select an illustration from</a:t>
            </a:r>
            <a:br>
              <a:rPr lang="en-US"/>
            </a:br>
            <a:r>
              <a:rPr lang="en-US"/>
              <a:t>the Illustrations Library in Templafy.</a:t>
            </a:r>
          </a:p>
        </p:txBody>
      </p:sp>
      <p:sp>
        <p:nvSpPr>
          <p:cNvPr id="15" name="Slide Number Placeholder 5">
            <a:extLst>
              <a:ext uri="{FF2B5EF4-FFF2-40B4-BE49-F238E27FC236}">
                <a16:creationId xmlns:a16="http://schemas.microsoft.com/office/drawing/2014/main" id="{B156CB95-1329-4756-859D-53EF511124C7}"/>
              </a:ext>
            </a:extLst>
          </p:cNvPr>
          <p:cNvSpPr>
            <a:spLocks noGrp="1"/>
          </p:cNvSpPr>
          <p:nvPr>
            <p:ph type="sldNum" sz="quarter" idx="12"/>
          </p:nvPr>
        </p:nvSpPr>
        <p:spPr>
          <a:xfrm>
            <a:off x="609600" y="6356350"/>
            <a:ext cx="495300" cy="365125"/>
          </a:xfrm>
        </p:spPr>
        <p:txBody>
          <a:bodyPr>
            <a:noAutofit/>
          </a:bodyPr>
          <a:lstStyle>
            <a:lvl1pPr>
              <a:defRPr>
                <a:solidFill>
                  <a:srgbClr val="D8D9DA"/>
                </a:solidFill>
              </a:defRPr>
            </a:lvl1pPr>
          </a:lstStyle>
          <a:p>
            <a:fld id="{555B1587-59F1-4FB5-A363-0505DAC627C3}" type="slidenum">
              <a:rPr lang="en-US" smtClean="0"/>
              <a:pPr/>
              <a:t>‹#›</a:t>
            </a:fld>
            <a:endParaRPr lang="en-US"/>
          </a:p>
        </p:txBody>
      </p:sp>
      <p:sp>
        <p:nvSpPr>
          <p:cNvPr id="14" name="Title 1">
            <a:extLst>
              <a:ext uri="{FF2B5EF4-FFF2-40B4-BE49-F238E27FC236}">
                <a16:creationId xmlns:a16="http://schemas.microsoft.com/office/drawing/2014/main" id="{ACB9E5C8-A48C-4553-A83C-816ECC73B776}"/>
              </a:ext>
            </a:extLst>
          </p:cNvPr>
          <p:cNvSpPr>
            <a:spLocks noGrp="1"/>
          </p:cNvSpPr>
          <p:nvPr>
            <p:ph type="title"/>
          </p:nvPr>
        </p:nvSpPr>
        <p:spPr>
          <a:xfrm>
            <a:off x="617315" y="585787"/>
            <a:ext cx="4865226" cy="640585"/>
          </a:xfrm>
        </p:spPr>
        <p:txBody>
          <a:bodyPr>
            <a:noAutofit/>
          </a:bodyPr>
          <a:lstStyle>
            <a:lvl1pPr>
              <a:defRPr/>
            </a:lvl1pPr>
          </a:lstStyle>
          <a:p>
            <a:r>
              <a:rPr lang="en-GB"/>
              <a:t>Click to edit Master title style</a:t>
            </a:r>
          </a:p>
        </p:txBody>
      </p:sp>
      <p:sp>
        <p:nvSpPr>
          <p:cNvPr id="16" name="Content Placeholder 2">
            <a:extLst>
              <a:ext uri="{FF2B5EF4-FFF2-40B4-BE49-F238E27FC236}">
                <a16:creationId xmlns:a16="http://schemas.microsoft.com/office/drawing/2014/main" id="{D9AEAE2D-E440-484A-AFCB-B09F4282DFE6}"/>
              </a:ext>
            </a:extLst>
          </p:cNvPr>
          <p:cNvSpPr>
            <a:spLocks noGrp="1"/>
          </p:cNvSpPr>
          <p:nvPr>
            <p:ph idx="1"/>
          </p:nvPr>
        </p:nvSpPr>
        <p:spPr>
          <a:xfrm>
            <a:off x="617315" y="2182368"/>
            <a:ext cx="4865226" cy="3927207"/>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7" name="Subtitle 2">
            <a:extLst>
              <a:ext uri="{FF2B5EF4-FFF2-40B4-BE49-F238E27FC236}">
                <a16:creationId xmlns:a16="http://schemas.microsoft.com/office/drawing/2014/main" id="{362D647E-BC21-4603-B9CB-E994B0161D16}"/>
              </a:ext>
            </a:extLst>
          </p:cNvPr>
          <p:cNvSpPr>
            <a:spLocks noGrp="1"/>
          </p:cNvSpPr>
          <p:nvPr>
            <p:ph type="subTitle" idx="13"/>
          </p:nvPr>
        </p:nvSpPr>
        <p:spPr>
          <a:xfrm>
            <a:off x="617315" y="1241612"/>
            <a:ext cx="4865226"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8" name="Content Placeholder 2">
            <a:extLst>
              <a:ext uri="{FF2B5EF4-FFF2-40B4-BE49-F238E27FC236}">
                <a16:creationId xmlns:a16="http://schemas.microsoft.com/office/drawing/2014/main" id="{F73C5077-8469-4BBD-9E35-3B9B705FB9F1}"/>
              </a:ext>
            </a:extLst>
          </p:cNvPr>
          <p:cNvSpPr>
            <a:spLocks noGrp="1"/>
          </p:cNvSpPr>
          <p:nvPr>
            <p:ph idx="15"/>
          </p:nvPr>
        </p:nvSpPr>
        <p:spPr>
          <a:xfrm>
            <a:off x="617315" y="1825624"/>
            <a:ext cx="4865226"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20" name="Graphic 31">
            <a:extLst>
              <a:ext uri="{FF2B5EF4-FFF2-40B4-BE49-F238E27FC236}">
                <a16:creationId xmlns:a16="http://schemas.microsoft.com/office/drawing/2014/main" id="{7B93690C-4D16-4ED6-A662-95B7CAA7E0DD}"/>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1565181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Tree>
    <p:extLst>
      <p:ext uri="{BB962C8B-B14F-4D97-AF65-F5344CB8AC3E}">
        <p14:creationId xmlns:p14="http://schemas.microsoft.com/office/powerpoint/2010/main" val="2841769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Gray)">
    <p:bg>
      <p:bgPr>
        <a:solidFill>
          <a:srgbClr val="EDEDEE"/>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6F6114-AD87-4E68-A306-7A30464998BA}"/>
              </a:ext>
            </a:extLst>
          </p:cNvPr>
          <p:cNvSpPr>
            <a:spLocks noGrp="1"/>
          </p:cNvSpPr>
          <p:nvPr>
            <p:ph type="title"/>
          </p:nvPr>
        </p:nvSpPr>
        <p:spPr/>
        <p:txBody>
          <a:bodyPr>
            <a:noAutofit/>
          </a:bodyPr>
          <a:lstStyle>
            <a:lvl1pPr>
              <a:defRPr/>
            </a:lvl1pPr>
          </a:lstStyle>
          <a:p>
            <a:r>
              <a:rPr lang="en-GB"/>
              <a:t>Click to edit Master title style</a:t>
            </a:r>
          </a:p>
        </p:txBody>
      </p:sp>
      <p:sp>
        <p:nvSpPr>
          <p:cNvPr id="5" name="Slide Number Placeholder 4">
            <a:extLst>
              <a:ext uri="{FF2B5EF4-FFF2-40B4-BE49-F238E27FC236}">
                <a16:creationId xmlns:a16="http://schemas.microsoft.com/office/drawing/2014/main" id="{C052F286-323C-4290-8E35-DBD095826A56}"/>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1CE9A33F-E72D-4F8C-8D80-D05681AFFA4A}"/>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9667686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solidFill>
                <a:srgbClr val="FF0000"/>
              </a:solidFill>
            </a:endParaRPr>
          </a:p>
        </p:txBody>
      </p:sp>
    </p:spTree>
    <p:extLst>
      <p:ext uri="{BB962C8B-B14F-4D97-AF65-F5344CB8AC3E}">
        <p14:creationId xmlns:p14="http://schemas.microsoft.com/office/powerpoint/2010/main" val="972311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Gray)">
    <p:bg>
      <p:bgPr>
        <a:solidFill>
          <a:srgbClr val="EDEDEE"/>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noAutofit/>
          </a:bodyPr>
          <a:lstStyle>
            <a:lvl1pPr>
              <a:defRPr>
                <a:solidFill>
                  <a:schemeClr val="accent1"/>
                </a:solidFill>
              </a:defRPr>
            </a:lvl1pPr>
          </a:lstStyle>
          <a:p>
            <a:fld id="{555B1587-59F1-4FB5-A363-0505DAC627C3}" type="slidenum">
              <a:rPr lang="en-US" smtClean="0"/>
              <a:pPr/>
              <a:t>‹#›</a:t>
            </a:fld>
            <a:endParaRPr lang="en-US"/>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Tree>
    <p:extLst>
      <p:ext uri="{BB962C8B-B14F-4D97-AF65-F5344CB8AC3E}">
        <p14:creationId xmlns:p14="http://schemas.microsoft.com/office/powerpoint/2010/main" val="38624246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with footer)">
    <p:bg>
      <p:bgPr>
        <a:solidFill>
          <a:schemeClr val="tx2"/>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F55DA58-C6F1-4746-9502-49BA05FC40B0}"/>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3" name="Rectangle 2">
            <a:extLst>
              <a:ext uri="{FF2B5EF4-FFF2-40B4-BE49-F238E27FC236}">
                <a16:creationId xmlns:a16="http://schemas.microsoft.com/office/drawing/2014/main" id="{853329AB-6DE2-4C61-BCEF-18DF3BA3DFF0}"/>
              </a:ext>
            </a:extLst>
          </p:cNvPr>
          <p:cNvSpPr/>
          <p:nvPr userDrawn="1"/>
        </p:nvSpPr>
        <p:spPr>
          <a:xfrm>
            <a:off x="-1956123" y="-127323"/>
            <a:ext cx="1863525" cy="3287211"/>
          </a:xfrm>
          <a:prstGeom prst="rect">
            <a:avLst/>
          </a:prstGeom>
          <a:solidFill>
            <a:srgbClr val="E6E6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A3D13799-4F53-4911-B2E9-3BA291079AE9}"/>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Tree>
    <p:extLst>
      <p:ext uri="{BB962C8B-B14F-4D97-AF65-F5344CB8AC3E}">
        <p14:creationId xmlns:p14="http://schemas.microsoft.com/office/powerpoint/2010/main" val="2118717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28747ACC-9F38-4EE9-BBE5-E8CDF2BF505F}"/>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35" name="Picture Placeholder 34">
            <a:extLst>
              <a:ext uri="{FF2B5EF4-FFF2-40B4-BE49-F238E27FC236}">
                <a16:creationId xmlns:a16="http://schemas.microsoft.com/office/drawing/2014/main" id="{F2CB285B-2964-4CCA-9F70-1542304B2A43}"/>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7/14/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23" name="Graphic 22">
            <a:extLst>
              <a:ext uri="{FF2B5EF4-FFF2-40B4-BE49-F238E27FC236}">
                <a16:creationId xmlns:a16="http://schemas.microsoft.com/office/drawing/2014/main" id="{D928D51D-9B86-4B1C-82E0-D5417B3B1A24}"/>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869805" y="5878386"/>
            <a:ext cx="1901611" cy="810000"/>
          </a:xfrm>
          <a:prstGeom prst="rect">
            <a:avLst/>
          </a:prstGeom>
        </p:spPr>
      </p:pic>
    </p:spTree>
    <p:extLst>
      <p:ext uri="{BB962C8B-B14F-4D97-AF65-F5344CB8AC3E}">
        <p14:creationId xmlns:p14="http://schemas.microsoft.com/office/powerpoint/2010/main" val="653739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p:spTree>
      <p:nvGrpSpPr>
        <p:cNvPr id="1" name=""/>
        <p:cNvGrpSpPr/>
        <p:nvPr/>
      </p:nvGrpSpPr>
      <p:grpSpPr>
        <a:xfrm>
          <a:off x="0" y="0"/>
          <a:ext cx="0" cy="0"/>
          <a:chOff x="0" y="0"/>
          <a:chExt cx="0" cy="0"/>
        </a:xfrm>
      </p:grpSpPr>
      <p:sp>
        <p:nvSpPr>
          <p:cNvPr id="32" name="Picture Placeholder 34">
            <a:extLst>
              <a:ext uri="{FF2B5EF4-FFF2-40B4-BE49-F238E27FC236}">
                <a16:creationId xmlns:a16="http://schemas.microsoft.com/office/drawing/2014/main" id="{3003599F-7246-48FD-94EB-D6FEFBD8A8EE}"/>
              </a:ext>
            </a:extLst>
          </p:cNvPr>
          <p:cNvSpPr>
            <a:spLocks noGrp="1"/>
          </p:cNvSpPr>
          <p:nvPr>
            <p:ph type="pic" sz="quarter" idx="14" hasCustomPrompt="1"/>
          </p:nvPr>
        </p:nvSpPr>
        <p:spPr>
          <a:xfrm>
            <a:off x="0" y="1"/>
            <a:ext cx="12192000" cy="5811520"/>
          </a:xfrm>
          <a:prstGeom prst="rect">
            <a:avLst/>
          </a:prstGeom>
          <a:solidFill>
            <a:schemeClr val="tx2"/>
          </a:solidFill>
        </p:spPr>
        <p:txBody>
          <a:bodyPr wrap="square" bIns="18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9" name="Rectangle 8">
            <a:extLst>
              <a:ext uri="{FF2B5EF4-FFF2-40B4-BE49-F238E27FC236}">
                <a16:creationId xmlns:a16="http://schemas.microsoft.com/office/drawing/2014/main" id="{20A54F2C-1689-4C8A-820D-344BAD6DDA74}"/>
              </a:ext>
            </a:extLst>
          </p:cNvPr>
          <p:cNvSpPr/>
          <p:nvPr userDrawn="1"/>
        </p:nvSpPr>
        <p:spPr>
          <a:xfrm>
            <a:off x="0" y="5811520"/>
            <a:ext cx="12192000" cy="10464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noProof="0"/>
          </a:p>
        </p:txBody>
      </p:sp>
      <p:sp>
        <p:nvSpPr>
          <p:cNvPr id="4" name="Date Placeholder 3">
            <a:extLst>
              <a:ext uri="{FF2B5EF4-FFF2-40B4-BE49-F238E27FC236}">
                <a16:creationId xmlns:a16="http://schemas.microsoft.com/office/drawing/2014/main" id="{D6AFD005-2827-46C1-9709-F5526773BF59}"/>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rgbClr val="000FAA"/>
                </a:solidFill>
              </a:defRPr>
            </a:lvl1pPr>
          </a:lstStyle>
          <a:p>
            <a:r>
              <a:rPr lang="en-US" noProof="0"/>
              <a:t>8/27/2021  |  Versie  |  Naam </a:t>
            </a:r>
            <a:r>
              <a:rPr lang="en-US" noProof="0" err="1"/>
              <a:t>presentator</a:t>
            </a:r>
            <a:endParaRPr lang="en-US" noProof="0"/>
          </a:p>
        </p:txBody>
      </p:sp>
      <p:sp>
        <p:nvSpPr>
          <p:cNvPr id="11" name="Title 1">
            <a:extLst>
              <a:ext uri="{FF2B5EF4-FFF2-40B4-BE49-F238E27FC236}">
                <a16:creationId xmlns:a16="http://schemas.microsoft.com/office/drawing/2014/main" id="{FC5F9583-417F-4FD2-8504-D6CCC8BDEA49}"/>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38" name="Slide Number Placeholder 5">
            <a:extLst>
              <a:ext uri="{FF2B5EF4-FFF2-40B4-BE49-F238E27FC236}">
                <a16:creationId xmlns:a16="http://schemas.microsoft.com/office/drawing/2014/main" id="{3BF99B16-D53B-4578-85E0-77BFFA779E5A}"/>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pic>
        <p:nvPicPr>
          <p:cNvPr id="10" name="Graphic 9">
            <a:extLst>
              <a:ext uri="{FF2B5EF4-FFF2-40B4-BE49-F238E27FC236}">
                <a16:creationId xmlns:a16="http://schemas.microsoft.com/office/drawing/2014/main" id="{16B52586-3E68-4BB0-9B91-9DAF4ACA96F3}"/>
              </a:ext>
            </a:extLst>
          </p:cNvPr>
          <p:cNvPicPr>
            <a:picLocks noChangeAspect="1"/>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55301" y="5880324"/>
            <a:ext cx="3615059" cy="808822"/>
          </a:xfrm>
          <a:prstGeom prst="rect">
            <a:avLst/>
          </a:prstGeom>
        </p:spPr>
      </p:pic>
    </p:spTree>
    <p:extLst>
      <p:ext uri="{BB962C8B-B14F-4D97-AF65-F5344CB8AC3E}">
        <p14:creationId xmlns:p14="http://schemas.microsoft.com/office/powerpoint/2010/main" val="1285565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with Sign Off Full Imag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C6EA05A-07E0-4FA6-AA24-DD6C66FE6818}"/>
              </a:ext>
            </a:extLst>
          </p:cNvPr>
          <p:cNvSpPr>
            <a:spLocks noGrp="1"/>
          </p:cNvSpPr>
          <p:nvPr>
            <p:ph type="pic" sz="quarter" idx="14" hasCustomPrompt="1"/>
          </p:nvPr>
        </p:nvSpPr>
        <p:spPr>
          <a:xfrm>
            <a:off x="0" y="0"/>
            <a:ext cx="12192000" cy="6858000"/>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2" name="Subtitle 2">
            <a:extLst>
              <a:ext uri="{FF2B5EF4-FFF2-40B4-BE49-F238E27FC236}">
                <a16:creationId xmlns:a16="http://schemas.microsoft.com/office/drawing/2014/main" id="{B600B913-FD5D-4243-931A-446BD4F5BFA7}"/>
              </a:ext>
            </a:extLst>
          </p:cNvPr>
          <p:cNvSpPr>
            <a:spLocks noGrp="1"/>
          </p:cNvSpPr>
          <p:nvPr>
            <p:ph type="subTitle" idx="13"/>
          </p:nvPr>
        </p:nvSpPr>
        <p:spPr>
          <a:xfrm>
            <a:off x="609600" y="1363532"/>
            <a:ext cx="10945792" cy="462728"/>
          </a:xfrm>
        </p:spPr>
        <p:txBody>
          <a:bodyPr lIns="0" tIns="0" rIns="0" bIns="0">
            <a:noAutofit/>
          </a:bodyPr>
          <a:lstStyle>
            <a:lvl1pPr>
              <a:defRPr lang="en-GB" sz="2400" dirty="0">
                <a:solidFill>
                  <a:schemeClr val="bg1"/>
                </a:solidFill>
              </a:defRPr>
            </a:lvl1pPr>
          </a:lstStyle>
          <a:p>
            <a:pPr marL="0" lvl="0" indent="0">
              <a:buNone/>
            </a:pPr>
            <a:r>
              <a:rPr lang="en-GB" noProof="0"/>
              <a:t>Click to edit Master subtitle style</a:t>
            </a:r>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p:nvPr>
        </p:nvSpPr>
        <p:spPr>
          <a:xfrm>
            <a:off x="609600" y="555307"/>
            <a:ext cx="10945792" cy="640585"/>
          </a:xfrm>
        </p:spPr>
        <p:txBody>
          <a:bodyPr>
            <a:noAutofit/>
          </a:bodyPr>
          <a:lstStyle>
            <a:lvl1pPr>
              <a:defRPr sz="5800">
                <a:solidFill>
                  <a:schemeClr val="bg1"/>
                </a:solidFill>
              </a:defRPr>
            </a:lvl1pPr>
          </a:lstStyle>
          <a:p>
            <a:r>
              <a:rPr lang="en-GB" noProof="0"/>
              <a:t>Click to edit Master title style</a:t>
            </a:r>
            <a:endParaRPr lang="en-US" noProof="0"/>
          </a:p>
        </p:txBody>
      </p:sp>
      <p:sp>
        <p:nvSpPr>
          <p:cNvPr id="14" name="Text Placeholder 3">
            <a:extLst>
              <a:ext uri="{FF2B5EF4-FFF2-40B4-BE49-F238E27FC236}">
                <a16:creationId xmlns:a16="http://schemas.microsoft.com/office/drawing/2014/main" id="{EF4F9A0F-F97D-4A60-8C34-8607C56FB0B2}"/>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3" name="Text Placeholder 3">
            <a:extLst>
              <a:ext uri="{FF2B5EF4-FFF2-40B4-BE49-F238E27FC236}">
                <a16:creationId xmlns:a16="http://schemas.microsoft.com/office/drawing/2014/main" id="{00F0199D-5391-457E-BFDA-B97075797129}"/>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323071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Full Image">
    <p:spTree>
      <p:nvGrpSpPr>
        <p:cNvPr id="1" name=""/>
        <p:cNvGrpSpPr/>
        <p:nvPr/>
      </p:nvGrpSpPr>
      <p:grpSpPr>
        <a:xfrm>
          <a:off x="0" y="0"/>
          <a:ext cx="0" cy="0"/>
          <a:chOff x="0" y="0"/>
          <a:chExt cx="0" cy="0"/>
        </a:xfrm>
      </p:grpSpPr>
      <p:sp>
        <p:nvSpPr>
          <p:cNvPr id="31" name="Picture Placeholder 34">
            <a:extLst>
              <a:ext uri="{FF2B5EF4-FFF2-40B4-BE49-F238E27FC236}">
                <a16:creationId xmlns:a16="http://schemas.microsoft.com/office/drawing/2014/main" id="{AF166E56-AB4A-4D08-BD3C-49742B393147}"/>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027728F5-7FA0-4B9B-B37C-CAB2C63F358B}"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33" name="Title 1">
            <a:extLst>
              <a:ext uri="{FF2B5EF4-FFF2-40B4-BE49-F238E27FC236}">
                <a16:creationId xmlns:a16="http://schemas.microsoft.com/office/drawing/2014/main" id="{4144B496-ED8D-4DA4-9F4A-453558B0CE84}"/>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15" name="Text Placeholder 21">
            <a:extLst>
              <a:ext uri="{FF2B5EF4-FFF2-40B4-BE49-F238E27FC236}">
                <a16:creationId xmlns:a16="http://schemas.microsoft.com/office/drawing/2014/main" id="{7C350444-506B-4BB3-A2D0-CD6BD59CCE56}"/>
              </a:ext>
            </a:extLst>
          </p:cNvPr>
          <p:cNvSpPr>
            <a:spLocks noGrp="1" noChangeAspect="1"/>
          </p:cNvSpPr>
          <p:nvPr>
            <p:ph type="body" sz="quarter" idx="18" hasCustomPrompt="1"/>
          </p:nvPr>
        </p:nvSpPr>
        <p:spPr>
          <a:xfrm>
            <a:off x="10433491" y="6241256"/>
            <a:ext cx="1136527" cy="206779"/>
          </a:xfrm>
          <a:blipFill>
            <a:blip r:embed="rId2"/>
            <a:stretch>
              <a:fillRect/>
            </a:stretch>
          </a:blipFill>
        </p:spPr>
        <p:txBody>
          <a:bodyPr/>
          <a:lstStyle>
            <a:lvl1pPr>
              <a:defRPr/>
            </a:lvl1pPr>
            <a:lvl5pPr>
              <a:defRPr/>
            </a:lvl5pPr>
          </a:lstStyle>
          <a:p>
            <a:pPr lvl="0"/>
            <a:r>
              <a:rPr lang="en-US" dirty="0"/>
              <a:t>  </a:t>
            </a:r>
            <a:endParaRPr lang="de-DE" dirty="0"/>
          </a:p>
        </p:txBody>
      </p:sp>
      <p:sp>
        <p:nvSpPr>
          <p:cNvPr id="16" name="Text Placeholder 21">
            <a:extLst>
              <a:ext uri="{FF2B5EF4-FFF2-40B4-BE49-F238E27FC236}">
                <a16:creationId xmlns:a16="http://schemas.microsoft.com/office/drawing/2014/main" id="{1E185E27-BFAF-4641-B298-34B7DA2BFEE3}"/>
              </a:ext>
            </a:extLst>
          </p:cNvPr>
          <p:cNvSpPr>
            <a:spLocks noGrp="1" noChangeAspect="1"/>
          </p:cNvSpPr>
          <p:nvPr>
            <p:ph type="body" sz="quarter" idx="17" hasCustomPrompt="1"/>
          </p:nvPr>
        </p:nvSpPr>
        <p:spPr>
          <a:xfrm>
            <a:off x="10433491" y="6241256"/>
            <a:ext cx="1136527" cy="206779"/>
          </a:xfrm>
          <a:blipFill>
            <a:blip r:embed="rId3"/>
            <a:stretch>
              <a:fillRect/>
            </a:stretch>
          </a:blipFill>
        </p:spPr>
        <p:txBody>
          <a:bodyPr/>
          <a:lstStyle>
            <a:lvl1pPr>
              <a:defRPr/>
            </a:lvl1pPr>
            <a:lvl5pPr>
              <a:defRPr/>
            </a:lvl5pPr>
          </a:lstStyle>
          <a:p>
            <a:pPr lvl="0"/>
            <a:r>
              <a:rPr lang="en-US" dirty="0"/>
              <a:t>  </a:t>
            </a:r>
            <a:endParaRPr lang="de-DE" dirty="0"/>
          </a:p>
        </p:txBody>
      </p:sp>
    </p:spTree>
    <p:extLst>
      <p:ext uri="{BB962C8B-B14F-4D97-AF65-F5344CB8AC3E}">
        <p14:creationId xmlns:p14="http://schemas.microsoft.com/office/powerpoint/2010/main" val="1484337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with Sign Off Full Image">
    <p:spTree>
      <p:nvGrpSpPr>
        <p:cNvPr id="1" name=""/>
        <p:cNvGrpSpPr/>
        <p:nvPr/>
      </p:nvGrpSpPr>
      <p:grpSpPr>
        <a:xfrm>
          <a:off x="0" y="0"/>
          <a:ext cx="0" cy="0"/>
          <a:chOff x="0" y="0"/>
          <a:chExt cx="0" cy="0"/>
        </a:xfrm>
      </p:grpSpPr>
      <p:sp>
        <p:nvSpPr>
          <p:cNvPr id="30" name="Picture Placeholder 34">
            <a:extLst>
              <a:ext uri="{FF2B5EF4-FFF2-40B4-BE49-F238E27FC236}">
                <a16:creationId xmlns:a16="http://schemas.microsoft.com/office/drawing/2014/main" id="{944B1939-1D9D-4C76-BB4D-F89D0240CC8C}"/>
              </a:ext>
            </a:extLst>
          </p:cNvPr>
          <p:cNvSpPr>
            <a:spLocks noGrp="1"/>
          </p:cNvSpPr>
          <p:nvPr>
            <p:ph type="pic" sz="quarter" idx="14" hasCustomPrompt="1"/>
          </p:nvPr>
        </p:nvSpPr>
        <p:spPr>
          <a:xfrm>
            <a:off x="0" y="0"/>
            <a:ext cx="12192000" cy="6857999"/>
          </a:xfrm>
          <a:prstGeom prst="rect">
            <a:avLst/>
          </a:prstGeom>
          <a:solidFill>
            <a:schemeClr val="tx2"/>
          </a:solidFill>
        </p:spPr>
        <p:txBody>
          <a:bodyPr wrap="square" bIns="720000" anchor="b">
            <a:noAutofit/>
          </a:bodyPr>
          <a:lstStyle>
            <a:lvl1pPr algn="ctr">
              <a:defRPr>
                <a:solidFill>
                  <a:schemeClr val="bg1"/>
                </a:solidFill>
              </a:defRPr>
            </a:lvl1pPr>
          </a:lstStyle>
          <a:p>
            <a:r>
              <a:rPr lang="en-US" noProof="0"/>
              <a:t> Click here and select an image from the Images Library in Templafy.</a:t>
            </a:r>
            <a:br>
              <a:rPr lang="en-US" noProof="0"/>
            </a:br>
            <a:r>
              <a:rPr lang="en-US" noProof="0"/>
              <a:t>Next, select a line from the Slide Elements Library.</a:t>
            </a:r>
          </a:p>
        </p:txBody>
      </p:sp>
      <p:sp>
        <p:nvSpPr>
          <p:cNvPr id="17" name="Date Placeholder 3">
            <a:extLst>
              <a:ext uri="{FF2B5EF4-FFF2-40B4-BE49-F238E27FC236}">
                <a16:creationId xmlns:a16="http://schemas.microsoft.com/office/drawing/2014/main" id="{CE595C92-5A6A-4643-A2A5-4F22D9F6E1CB}"/>
              </a:ext>
            </a:extLst>
          </p:cNvPr>
          <p:cNvSpPr>
            <a:spLocks noGrp="1"/>
          </p:cNvSpPr>
          <p:nvPr>
            <p:ph type="dt" sz="half" idx="10"/>
          </p:nvPr>
        </p:nvSpPr>
        <p:spPr>
          <a:xfrm>
            <a:off x="626744" y="6283386"/>
            <a:ext cx="7560000" cy="365125"/>
          </a:xfrm>
          <a:prstGeom prst="rect">
            <a:avLst/>
          </a:prstGeom>
        </p:spPr>
        <p:txBody>
          <a:bodyPr lIns="0" tIns="0" rIns="0" bIns="0">
            <a:noAutofit/>
          </a:bodyPr>
          <a:lstStyle>
            <a:lvl1pPr>
              <a:defRPr sz="1300">
                <a:solidFill>
                  <a:schemeClr val="bg1"/>
                </a:solidFill>
              </a:defRPr>
            </a:lvl1pPr>
          </a:lstStyle>
          <a:p>
            <a:fld id="{576173F0-B9C9-41A5-AFFA-ACF73FF4A6C4}" type="datetime1">
              <a:rPr lang="en-US" noProof="0" smtClean="0"/>
              <a:t>4/10/2023</a:t>
            </a:fld>
            <a:r>
              <a:rPr lang="en-US" noProof="0"/>
              <a:t>  |  Versie  |  Naam presentator</a:t>
            </a:r>
          </a:p>
        </p:txBody>
      </p:sp>
      <p:sp>
        <p:nvSpPr>
          <p:cNvPr id="19" name="Slide Number Placeholder 5">
            <a:extLst>
              <a:ext uri="{FF2B5EF4-FFF2-40B4-BE49-F238E27FC236}">
                <a16:creationId xmlns:a16="http://schemas.microsoft.com/office/drawing/2014/main" id="{29FD9BF4-5868-4140-BF95-4FB64E6133CB}"/>
              </a:ext>
            </a:extLst>
          </p:cNvPr>
          <p:cNvSpPr>
            <a:spLocks noGrp="1"/>
          </p:cNvSpPr>
          <p:nvPr>
            <p:ph type="sldNum" sz="quarter" idx="4"/>
          </p:nvPr>
        </p:nvSpPr>
        <p:spPr>
          <a:xfrm>
            <a:off x="609600" y="7120376"/>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noProof="0" smtClean="0"/>
              <a:pPr/>
              <a:t>‹#›</a:t>
            </a:fld>
            <a:endParaRPr lang="en-US" noProof="0"/>
          </a:p>
        </p:txBody>
      </p:sp>
      <p:sp>
        <p:nvSpPr>
          <p:cNvPr id="8" name="Title 1">
            <a:extLst>
              <a:ext uri="{FF2B5EF4-FFF2-40B4-BE49-F238E27FC236}">
                <a16:creationId xmlns:a16="http://schemas.microsoft.com/office/drawing/2014/main" id="{51FD06C1-9A66-42D6-9B5D-BE579D5FCC5D}"/>
              </a:ext>
            </a:extLst>
          </p:cNvPr>
          <p:cNvSpPr>
            <a:spLocks noGrp="1"/>
          </p:cNvSpPr>
          <p:nvPr>
            <p:ph type="title" hasCustomPrompt="1"/>
          </p:nvPr>
        </p:nvSpPr>
        <p:spPr>
          <a:xfrm>
            <a:off x="609600" y="555307"/>
            <a:ext cx="4230000" cy="640585"/>
          </a:xfrm>
        </p:spPr>
        <p:txBody>
          <a:bodyPr>
            <a:noAutofit/>
          </a:bodyPr>
          <a:lstStyle>
            <a:lvl1pPr>
              <a:defRPr sz="5800">
                <a:solidFill>
                  <a:schemeClr val="bg1"/>
                </a:solidFill>
              </a:defRPr>
            </a:lvl1pPr>
          </a:lstStyle>
          <a:p>
            <a:r>
              <a:rPr lang="en-GB" noProof="0"/>
              <a:t>Thank you for your attention</a:t>
            </a:r>
            <a:endParaRPr lang="en-US" noProof="0"/>
          </a:p>
        </p:txBody>
      </p:sp>
      <p:sp>
        <p:nvSpPr>
          <p:cNvPr id="9" name="Text Placeholder 3">
            <a:extLst>
              <a:ext uri="{FF2B5EF4-FFF2-40B4-BE49-F238E27FC236}">
                <a16:creationId xmlns:a16="http://schemas.microsoft.com/office/drawing/2014/main" id="{B83914DD-D148-4A89-9D69-B0200708510D}"/>
              </a:ext>
            </a:extLst>
          </p:cNvPr>
          <p:cNvSpPr>
            <a:spLocks noGrp="1" noChangeAspect="1"/>
          </p:cNvSpPr>
          <p:nvPr>
            <p:ph type="body" sz="quarter" idx="17" hasCustomPrompt="1"/>
          </p:nvPr>
        </p:nvSpPr>
        <p:spPr>
          <a:xfrm>
            <a:off x="8702675" y="6240876"/>
            <a:ext cx="2862582" cy="267013"/>
          </a:xfrm>
          <a:blipFill dpi="0" rotWithShape="1">
            <a:blip r:embed="rId2">
              <a:extLst>
                <a:ext uri="{96DAC541-7B7A-43D3-8B79-37D633B846F1}">
                  <asvg:svgBlip xmlns:asvg="http://schemas.microsoft.com/office/drawing/2016/SVG/main" r:embed="rId3"/>
                </a:ext>
              </a:extLst>
            </a:blip>
            <a:srcRect/>
            <a:stretch>
              <a:fillRect/>
            </a:stretch>
          </a:blipFill>
        </p:spPr>
        <p:txBody>
          <a:bodyPr>
            <a:noAutofit/>
          </a:bodyPr>
          <a:lstStyle>
            <a:lvl1pPr>
              <a:defRPr/>
            </a:lvl1pPr>
          </a:lstStyle>
          <a:p>
            <a:pPr lvl="0"/>
            <a:r>
              <a:rPr lang="en-US"/>
              <a:t> </a:t>
            </a:r>
          </a:p>
        </p:txBody>
      </p:sp>
      <p:sp>
        <p:nvSpPr>
          <p:cNvPr id="10" name="Text Placeholder 3">
            <a:extLst>
              <a:ext uri="{FF2B5EF4-FFF2-40B4-BE49-F238E27FC236}">
                <a16:creationId xmlns:a16="http://schemas.microsoft.com/office/drawing/2014/main" id="{F5D53754-E584-4CB2-B5D0-04F7E017D958}"/>
              </a:ext>
            </a:extLst>
          </p:cNvPr>
          <p:cNvSpPr>
            <a:spLocks noGrp="1" noChangeAspect="1"/>
          </p:cNvSpPr>
          <p:nvPr>
            <p:ph type="body" sz="quarter" idx="16" hasCustomPrompt="1"/>
          </p:nvPr>
        </p:nvSpPr>
        <p:spPr>
          <a:xfrm>
            <a:off x="8702675" y="6243384"/>
            <a:ext cx="2862582" cy="267013"/>
          </a:xfrm>
          <a:blipFill dpi="0" rotWithShape="1">
            <a:blip r:embed="rId4" cstate="hq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a:blipFill>
        </p:spPr>
        <p:txBody>
          <a:bodyPr>
            <a:noAutofit/>
          </a:bodyPr>
          <a:lstStyle>
            <a:lvl1pPr>
              <a:defRPr/>
            </a:lvl1pPr>
          </a:lstStyle>
          <a:p>
            <a:pPr lvl="0"/>
            <a:r>
              <a:rPr lang="en-US"/>
              <a:t> </a:t>
            </a:r>
          </a:p>
        </p:txBody>
      </p:sp>
    </p:spTree>
    <p:extLst>
      <p:ext uri="{BB962C8B-B14F-4D97-AF65-F5344CB8AC3E}">
        <p14:creationId xmlns:p14="http://schemas.microsoft.com/office/powerpoint/2010/main" val="1331313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mplate Guide 1/2">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B8514E3-CA42-4AD7-8590-69DE2FB825E9}"/>
              </a:ext>
            </a:extLst>
          </p:cNvPr>
          <p:cNvPicPr>
            <a:picLocks noChangeAspect="1"/>
          </p:cNvPicPr>
          <p:nvPr userDrawn="1"/>
        </p:nvPicPr>
        <p:blipFill rotWithShape="1">
          <a:blip r:embed="rId2"/>
          <a:srcRect l="10069" t="7669" r="4004" b="79265"/>
          <a:stretch/>
        </p:blipFill>
        <p:spPr>
          <a:xfrm>
            <a:off x="4462921" y="3067136"/>
            <a:ext cx="3346055" cy="746267"/>
          </a:xfrm>
          <a:prstGeom prst="rect">
            <a:avLst/>
          </a:prstGeom>
        </p:spPr>
      </p:pic>
      <p:sp>
        <p:nvSpPr>
          <p:cNvPr id="7" name="Rectangle 6">
            <a:extLst>
              <a:ext uri="{FF2B5EF4-FFF2-40B4-BE49-F238E27FC236}">
                <a16:creationId xmlns:a16="http://schemas.microsoft.com/office/drawing/2014/main" id="{64E8B8CB-47BC-4A7F-91D1-27D91EAB9AAC}"/>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10" name="Rectangle 9">
            <a:extLst>
              <a:ext uri="{FF2B5EF4-FFF2-40B4-BE49-F238E27FC236}">
                <a16:creationId xmlns:a16="http://schemas.microsoft.com/office/drawing/2014/main" id="{E91C70B9-24D3-4316-A0AA-20394459C79A}"/>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2" name="Rectangle 11">
            <a:extLst>
              <a:ext uri="{FF2B5EF4-FFF2-40B4-BE49-F238E27FC236}">
                <a16:creationId xmlns:a16="http://schemas.microsoft.com/office/drawing/2014/main" id="{9D02A00B-4677-49FA-A4D7-41207DD630AF}"/>
              </a:ext>
            </a:extLst>
          </p:cNvPr>
          <p:cNvSpPr/>
          <p:nvPr userDrawn="1"/>
        </p:nvSpPr>
        <p:spPr>
          <a:xfrm>
            <a:off x="609600"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800" noProof="0">
                <a:solidFill>
                  <a:schemeClr val="accent1"/>
                </a:solidFill>
                <a:latin typeface="+mj-lt"/>
              </a:rPr>
              <a:t>Use of colors</a:t>
            </a:r>
          </a:p>
        </p:txBody>
      </p:sp>
      <p:sp>
        <p:nvSpPr>
          <p:cNvPr id="16" name="Rectangle 15">
            <a:extLst>
              <a:ext uri="{FF2B5EF4-FFF2-40B4-BE49-F238E27FC236}">
                <a16:creationId xmlns:a16="http://schemas.microsoft.com/office/drawing/2014/main" id="{F097581D-CE85-4258-99C6-8791AD4E7003}"/>
              </a:ext>
            </a:extLst>
          </p:cNvPr>
          <p:cNvSpPr/>
          <p:nvPr userDrawn="1"/>
        </p:nvSpPr>
        <p:spPr>
          <a:xfrm>
            <a:off x="4425292" y="1825625"/>
            <a:ext cx="3345179"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Adding Connecting Paths</a:t>
            </a:r>
            <a:endParaRPr lang="de-DE" sz="1800">
              <a:solidFill>
                <a:schemeClr val="accent1"/>
              </a:solidFill>
              <a:latin typeface="+mj-lt"/>
            </a:endParaRPr>
          </a:p>
        </p:txBody>
      </p:sp>
      <p:sp>
        <p:nvSpPr>
          <p:cNvPr id="19" name="Rectangle 18">
            <a:extLst>
              <a:ext uri="{FF2B5EF4-FFF2-40B4-BE49-F238E27FC236}">
                <a16:creationId xmlns:a16="http://schemas.microsoft.com/office/drawing/2014/main" id="{12602248-014F-4B16-8675-989B2702BCFC}"/>
              </a:ext>
            </a:extLst>
          </p:cNvPr>
          <p:cNvSpPr/>
          <p:nvPr userDrawn="1"/>
        </p:nvSpPr>
        <p:spPr>
          <a:xfrm>
            <a:off x="609600" y="2183384"/>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the color of a </a:t>
            </a:r>
            <a:r>
              <a:rPr lang="en-US" sz="1600" noProof="0">
                <a:solidFill>
                  <a:schemeClr val="tx1"/>
                </a:solidFill>
                <a:latin typeface="Myriad for Rabobank SBd It" panose="020B0603030403090204" pitchFamily="34" charset="0"/>
              </a:rPr>
              <a:t>Connecting Path</a:t>
            </a:r>
            <a:r>
              <a:rPr lang="en-US" sz="1600" noProof="0">
                <a:solidFill>
                  <a:schemeClr val="tx1"/>
                </a:solidFill>
                <a:latin typeface="+mj-lt"/>
              </a:rPr>
              <a:t>, select the path and change its “Outline” color</a:t>
            </a:r>
            <a:r>
              <a:rPr lang="en-US" sz="1600" noProof="0">
                <a:solidFill>
                  <a:srgbClr val="FF6700"/>
                </a:solidFill>
                <a:latin typeface="+mj-lt"/>
              </a:rPr>
              <a:t>*</a:t>
            </a:r>
            <a:r>
              <a:rPr lang="en-US" sz="1600" noProof="0">
                <a:solidFill>
                  <a:schemeClr val="tx1"/>
                </a:solidFill>
                <a:latin typeface="+mj-lt"/>
              </a:rPr>
              <a:t>.</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5 colors: White, Yellow, Orange, Dark blue or Bright blue</a:t>
            </a:r>
            <a:endParaRPr lang="en-US" sz="1600" noProof="0">
              <a:solidFill>
                <a:schemeClr val="tx1"/>
              </a:solidFill>
              <a:latin typeface="+mj-lt"/>
            </a:endParaRPr>
          </a:p>
        </p:txBody>
      </p:sp>
      <p:sp>
        <p:nvSpPr>
          <p:cNvPr id="21" name="Rectangle 20">
            <a:extLst>
              <a:ext uri="{FF2B5EF4-FFF2-40B4-BE49-F238E27FC236}">
                <a16:creationId xmlns:a16="http://schemas.microsoft.com/office/drawing/2014/main" id="{7B375CD6-B19F-4B62-AF9B-C9F6CF5AF0FB}"/>
              </a:ext>
            </a:extLst>
          </p:cNvPr>
          <p:cNvSpPr/>
          <p:nvPr userDrawn="1"/>
        </p:nvSpPr>
        <p:spPr>
          <a:xfrm rot="5400000">
            <a:off x="2359633" y="3486015"/>
            <a:ext cx="719957" cy="719871"/>
          </a:xfrm>
          <a:prstGeom prst="rect">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4" name="Freeform: Shape 23">
            <a:extLst>
              <a:ext uri="{FF2B5EF4-FFF2-40B4-BE49-F238E27FC236}">
                <a16:creationId xmlns:a16="http://schemas.microsoft.com/office/drawing/2014/main" id="{D7C425F9-B8DE-4DB3-BFED-7992856D69EA}"/>
              </a:ext>
            </a:extLst>
          </p:cNvPr>
          <p:cNvSpPr/>
          <p:nvPr userDrawn="1"/>
        </p:nvSpPr>
        <p:spPr>
          <a:xfrm rot="5400000">
            <a:off x="2359762" y="3485972"/>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0" name="Rectangle 19">
            <a:extLst>
              <a:ext uri="{FF2B5EF4-FFF2-40B4-BE49-F238E27FC236}">
                <a16:creationId xmlns:a16="http://schemas.microsoft.com/office/drawing/2014/main" id="{8901A035-D838-4153-ACE6-16119B80C885}"/>
              </a:ext>
            </a:extLst>
          </p:cNvPr>
          <p:cNvSpPr/>
          <p:nvPr userDrawn="1"/>
        </p:nvSpPr>
        <p:spPr>
          <a:xfrm rot="5400000">
            <a:off x="3234865" y="3483197"/>
            <a:ext cx="719957" cy="719871"/>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5" name="Freeform: Shape 24">
            <a:extLst>
              <a:ext uri="{FF2B5EF4-FFF2-40B4-BE49-F238E27FC236}">
                <a16:creationId xmlns:a16="http://schemas.microsoft.com/office/drawing/2014/main" id="{3B2630F5-048E-4EF1-9DB6-084C473D9C54}"/>
              </a:ext>
            </a:extLst>
          </p:cNvPr>
          <p:cNvSpPr/>
          <p:nvPr userDrawn="1"/>
        </p:nvSpPr>
        <p:spPr>
          <a:xfrm rot="5400000">
            <a:off x="3234736" y="3483154"/>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23" name="Rectangle 22">
            <a:extLst>
              <a:ext uri="{FF2B5EF4-FFF2-40B4-BE49-F238E27FC236}">
                <a16:creationId xmlns:a16="http://schemas.microsoft.com/office/drawing/2014/main" id="{FEDA2B66-EF95-4B38-A499-DCB9FF6E1CC4}"/>
              </a:ext>
            </a:extLst>
          </p:cNvPr>
          <p:cNvSpPr/>
          <p:nvPr userDrawn="1"/>
        </p:nvSpPr>
        <p:spPr>
          <a:xfrm rot="5400000">
            <a:off x="613710" y="3488735"/>
            <a:ext cx="718617" cy="712900"/>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26" name="Freeform: Shape 25">
            <a:extLst>
              <a:ext uri="{FF2B5EF4-FFF2-40B4-BE49-F238E27FC236}">
                <a16:creationId xmlns:a16="http://schemas.microsoft.com/office/drawing/2014/main" id="{26616C4F-9B59-4943-AC00-3BF6C0B2CB64}"/>
              </a:ext>
            </a:extLst>
          </p:cNvPr>
          <p:cNvSpPr/>
          <p:nvPr userDrawn="1"/>
        </p:nvSpPr>
        <p:spPr>
          <a:xfrm rot="5400000">
            <a:off x="606609" y="3487352"/>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22" name="Rectangle 21">
            <a:extLst>
              <a:ext uri="{FF2B5EF4-FFF2-40B4-BE49-F238E27FC236}">
                <a16:creationId xmlns:a16="http://schemas.microsoft.com/office/drawing/2014/main" id="{FC8630C9-6A35-4F81-B40C-4C4A9CCC4779}"/>
              </a:ext>
            </a:extLst>
          </p:cNvPr>
          <p:cNvSpPr/>
          <p:nvPr userDrawn="1"/>
        </p:nvSpPr>
        <p:spPr>
          <a:xfrm rot="5400000">
            <a:off x="1485263" y="3485185"/>
            <a:ext cx="718617" cy="72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27" name="Freeform: Shape 26">
            <a:extLst>
              <a:ext uri="{FF2B5EF4-FFF2-40B4-BE49-F238E27FC236}">
                <a16:creationId xmlns:a16="http://schemas.microsoft.com/office/drawing/2014/main" id="{A472209E-21FE-4C94-B1FD-A2E9C60098F2}"/>
              </a:ext>
            </a:extLst>
          </p:cNvPr>
          <p:cNvSpPr/>
          <p:nvPr userDrawn="1"/>
        </p:nvSpPr>
        <p:spPr>
          <a:xfrm rot="5400000">
            <a:off x="1485263" y="3483803"/>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35" name="Rectangle 34">
            <a:extLst>
              <a:ext uri="{FF2B5EF4-FFF2-40B4-BE49-F238E27FC236}">
                <a16:creationId xmlns:a16="http://schemas.microsoft.com/office/drawing/2014/main" id="{02C0654B-DF00-46AA-B4FA-DB215417FDCE}"/>
              </a:ext>
            </a:extLst>
          </p:cNvPr>
          <p:cNvSpPr/>
          <p:nvPr userDrawn="1"/>
        </p:nvSpPr>
        <p:spPr>
          <a:xfrm>
            <a:off x="609600" y="5217016"/>
            <a:ext cx="3345179" cy="1793712"/>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change a </a:t>
            </a:r>
            <a:r>
              <a:rPr lang="en-US" sz="1600" noProof="0">
                <a:solidFill>
                  <a:schemeClr val="tx1"/>
                </a:solidFill>
                <a:latin typeface="Myriad for Rabobank SBd It" panose="020B0603030403090204" pitchFamily="34" charset="0"/>
              </a:rPr>
              <a:t>background</a:t>
            </a:r>
            <a:r>
              <a:rPr lang="en-US" sz="1600" noProof="0">
                <a:solidFill>
                  <a:schemeClr val="tx1"/>
                </a:solidFill>
                <a:latin typeface="+mj-lt"/>
              </a:rPr>
              <a:t> color, select a dark blue shape and change the “Shape Fill” color. </a:t>
            </a:r>
            <a:r>
              <a:rPr lang="en-US" sz="1600" u="sng" noProof="0">
                <a:solidFill>
                  <a:schemeClr val="tx1"/>
                </a:solidFill>
                <a:latin typeface="+mj-lt"/>
              </a:rPr>
              <a:t>Note: In some cases you need to use “Format Background” instead!</a:t>
            </a:r>
          </a:p>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elect any of the </a:t>
            </a:r>
            <a:r>
              <a:rPr lang="en-US" sz="1600" noProof="0">
                <a:solidFill>
                  <a:schemeClr val="tx1"/>
                </a:solidFill>
                <a:latin typeface="Myriad for Rabobank SBd It" panose="020B0603030403090204" pitchFamily="34" charset="0"/>
              </a:rPr>
              <a:t>4 colors: Yellow, Orange, Dark blue or Bright blue</a:t>
            </a:r>
            <a:r>
              <a:rPr lang="en-US" sz="1600" noProof="0">
                <a:solidFill>
                  <a:schemeClr val="tx1"/>
                </a:solidFill>
                <a:latin typeface="+mj-lt"/>
              </a:rPr>
              <a:t>.</a:t>
            </a:r>
          </a:p>
        </p:txBody>
      </p:sp>
      <p:sp>
        <p:nvSpPr>
          <p:cNvPr id="40" name="Rectangle 39">
            <a:extLst>
              <a:ext uri="{FF2B5EF4-FFF2-40B4-BE49-F238E27FC236}">
                <a16:creationId xmlns:a16="http://schemas.microsoft.com/office/drawing/2014/main" id="{8547AA2D-9286-4F02-BA7B-6C31134F0C14}"/>
              </a:ext>
            </a:extLst>
          </p:cNvPr>
          <p:cNvSpPr/>
          <p:nvPr userDrawn="1"/>
        </p:nvSpPr>
        <p:spPr>
          <a:xfrm>
            <a:off x="4425292" y="2183383"/>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add a Connecting Path to </a:t>
            </a:r>
            <a:r>
              <a:rPr lang="en-US" sz="1600" u="none" noProof="0">
                <a:solidFill>
                  <a:schemeClr val="tx1"/>
                </a:solidFill>
                <a:latin typeface="Myriad for Rabobank SBd It" panose="020B0603030403090204" pitchFamily="34" charset="0"/>
              </a:rPr>
              <a:t>Title-, Separating- or End slides</a:t>
            </a:r>
            <a:r>
              <a:rPr lang="en-US" sz="1600" noProof="0">
                <a:solidFill>
                  <a:schemeClr val="tx1"/>
                </a:solidFill>
                <a:latin typeface="+mj-lt"/>
              </a:rPr>
              <a:t>, first navigate to the Slide Elements library in Templafy.</a:t>
            </a:r>
          </a:p>
        </p:txBody>
      </p:sp>
      <p:pic>
        <p:nvPicPr>
          <p:cNvPr id="3" name="Picture 2" descr="Diagram, shape&#10;&#10;Description automatically generated">
            <a:extLst>
              <a:ext uri="{FF2B5EF4-FFF2-40B4-BE49-F238E27FC236}">
                <a16:creationId xmlns:a16="http://schemas.microsoft.com/office/drawing/2014/main" id="{447F61B5-7F19-43BF-8348-D6C363DF36B5}"/>
              </a:ext>
            </a:extLst>
          </p:cNvPr>
          <p:cNvPicPr>
            <a:picLocks noChangeAspect="1"/>
          </p:cNvPicPr>
          <p:nvPr userDrawn="1"/>
        </p:nvPicPr>
        <p:blipFill rotWithShape="1">
          <a:blip r:embed="rId3"/>
          <a:srcRect l="2977" t="27557" r="3174" b="16201"/>
          <a:stretch/>
        </p:blipFill>
        <p:spPr>
          <a:xfrm>
            <a:off x="8171900" y="2220468"/>
            <a:ext cx="3410500" cy="2999510"/>
          </a:xfrm>
          <a:prstGeom prst="rect">
            <a:avLst/>
          </a:prstGeom>
        </p:spPr>
      </p:pic>
      <p:sp>
        <p:nvSpPr>
          <p:cNvPr id="31" name="Rectangle 30">
            <a:extLst>
              <a:ext uri="{FF2B5EF4-FFF2-40B4-BE49-F238E27FC236}">
                <a16:creationId xmlns:a16="http://schemas.microsoft.com/office/drawing/2014/main" id="{F3A7F501-5CAA-410A-843E-88BA118EBFE0}"/>
              </a:ext>
            </a:extLst>
          </p:cNvPr>
          <p:cNvSpPr/>
          <p:nvPr userDrawn="1"/>
        </p:nvSpPr>
        <p:spPr>
          <a:xfrm>
            <a:off x="4425162" y="4008599"/>
            <a:ext cx="3345179"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Next, go to the </a:t>
            </a:r>
            <a:r>
              <a:rPr lang="en-US" sz="1600" u="none" noProof="0">
                <a:solidFill>
                  <a:schemeClr val="tx1"/>
                </a:solidFill>
                <a:latin typeface="Myriad for Rabobank SBd It" panose="020B0603030403090204" pitchFamily="34" charset="0"/>
              </a:rPr>
              <a:t>Connecting Paths </a:t>
            </a:r>
            <a:r>
              <a:rPr lang="en-US" sz="1600" u="none" noProof="0">
                <a:solidFill>
                  <a:schemeClr val="tx1"/>
                </a:solidFill>
                <a:latin typeface="+mj-lt"/>
              </a:rPr>
              <a:t>library and choose your slide type (Full image or Image and Footer). Lastly, select the color that you would like to use for your Connecting Path. You can then choose any of the options from the library.</a:t>
            </a:r>
            <a:endParaRPr lang="en-US" sz="1600" noProof="0">
              <a:solidFill>
                <a:schemeClr val="tx1"/>
              </a:solidFill>
              <a:latin typeface="+mj-lt"/>
            </a:endParaRPr>
          </a:p>
        </p:txBody>
      </p:sp>
      <p:sp>
        <p:nvSpPr>
          <p:cNvPr id="34" name="Rectangle 33">
            <a:extLst>
              <a:ext uri="{FF2B5EF4-FFF2-40B4-BE49-F238E27FC236}">
                <a16:creationId xmlns:a16="http://schemas.microsoft.com/office/drawing/2014/main" id="{20F1F5DA-DF7C-4A8C-AEC8-1FD7926E9733}"/>
              </a:ext>
            </a:extLst>
          </p:cNvPr>
          <p:cNvSpPr/>
          <p:nvPr userDrawn="1"/>
        </p:nvSpPr>
        <p:spPr>
          <a:xfrm>
            <a:off x="4425162" y="6263176"/>
            <a:ext cx="4636203" cy="470850"/>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200" noProof="0">
                <a:solidFill>
                  <a:srgbClr val="FF6700"/>
                </a:solidFill>
                <a:latin typeface="+mj-lt"/>
              </a:rPr>
              <a:t>*</a:t>
            </a:r>
            <a:r>
              <a:rPr lang="en-US" sz="1200" noProof="0">
                <a:solidFill>
                  <a:schemeClr val="tx1"/>
                </a:solidFill>
                <a:latin typeface="+mj-lt"/>
              </a:rPr>
              <a:t>Note: If the Connecting Path is already part of the template, right-click outside of the slide and choose “Format Background” instead.</a:t>
            </a:r>
          </a:p>
        </p:txBody>
      </p:sp>
      <p:grpSp>
        <p:nvGrpSpPr>
          <p:cNvPr id="9" name="Group 8">
            <a:extLst>
              <a:ext uri="{FF2B5EF4-FFF2-40B4-BE49-F238E27FC236}">
                <a16:creationId xmlns:a16="http://schemas.microsoft.com/office/drawing/2014/main" id="{8F6409B9-F75E-4CCC-AA5A-0B1E66A43BE3}"/>
              </a:ext>
            </a:extLst>
          </p:cNvPr>
          <p:cNvGrpSpPr/>
          <p:nvPr userDrawn="1"/>
        </p:nvGrpSpPr>
        <p:grpSpPr>
          <a:xfrm rot="10800000">
            <a:off x="609340" y="4321299"/>
            <a:ext cx="3345311" cy="722818"/>
            <a:chOff x="609340" y="4321299"/>
            <a:chExt cx="3345311" cy="722818"/>
          </a:xfrm>
        </p:grpSpPr>
        <p:sp>
          <p:nvSpPr>
            <p:cNvPr id="51" name="Rectangle 50">
              <a:extLst>
                <a:ext uri="{FF2B5EF4-FFF2-40B4-BE49-F238E27FC236}">
                  <a16:creationId xmlns:a16="http://schemas.microsoft.com/office/drawing/2014/main" id="{ED360580-0846-4B36-99F1-39935C7C9834}"/>
                </a:ext>
              </a:extLst>
            </p:cNvPr>
            <p:cNvSpPr/>
            <p:nvPr userDrawn="1"/>
          </p:nvSpPr>
          <p:spPr>
            <a:xfrm rot="5400000">
              <a:off x="2359505" y="4324203"/>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2" name="Freeform: Shape 51">
              <a:extLst>
                <a:ext uri="{FF2B5EF4-FFF2-40B4-BE49-F238E27FC236}">
                  <a16:creationId xmlns:a16="http://schemas.microsoft.com/office/drawing/2014/main" id="{86E8145A-8CCA-4B81-800F-A7136902981F}"/>
                </a:ext>
              </a:extLst>
            </p:cNvPr>
            <p:cNvSpPr/>
            <p:nvPr userDrawn="1"/>
          </p:nvSpPr>
          <p:spPr>
            <a:xfrm rot="5400000">
              <a:off x="2359634" y="4324160"/>
              <a:ext cx="719957" cy="719871"/>
            </a:xfrm>
            <a:custGeom>
              <a:avLst/>
              <a:gdLst>
                <a:gd name="connsiteX0" fmla="*/ 383126 w 1462397"/>
                <a:gd name="connsiteY0" fmla="*/ 0 h 654424"/>
                <a:gd name="connsiteX1" fmla="*/ 1462397 w 1462397"/>
                <a:gd name="connsiteY1" fmla="*/ 0 h 654424"/>
                <a:gd name="connsiteX2" fmla="*/ 1462397 w 1462397"/>
                <a:gd name="connsiteY2" fmla="*/ 654424 h 654424"/>
                <a:gd name="connsiteX3" fmla="*/ 491119 w 1462397"/>
                <a:gd name="connsiteY3" fmla="*/ 654424 h 654424"/>
                <a:gd name="connsiteX4" fmla="*/ 486830 w 1462397"/>
                <a:gd name="connsiteY4" fmla="*/ 644855 h 654424"/>
                <a:gd name="connsiteX5" fmla="*/ 374583 w 1462397"/>
                <a:gd name="connsiteY5" fmla="*/ 107818 h 654424"/>
                <a:gd name="connsiteX6" fmla="*/ 0 w 1462397"/>
                <a:gd name="connsiteY6" fmla="*/ 0 h 654424"/>
                <a:gd name="connsiteX7" fmla="*/ 370536 w 1462397"/>
                <a:gd name="connsiteY7" fmla="*/ 0 h 654424"/>
                <a:gd name="connsiteX8" fmla="*/ 361984 w 1462397"/>
                <a:gd name="connsiteY8" fmla="*/ 106710 h 654424"/>
                <a:gd name="connsiteX9" fmla="*/ 474945 w 1462397"/>
                <a:gd name="connsiteY9" fmla="*/ 649096 h 654424"/>
                <a:gd name="connsiteX10" fmla="*/ 477332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383126" y="0"/>
                  </a:moveTo>
                  <a:lnTo>
                    <a:pt x="1462397" y="0"/>
                  </a:lnTo>
                  <a:lnTo>
                    <a:pt x="1462397" y="654424"/>
                  </a:lnTo>
                  <a:lnTo>
                    <a:pt x="491119" y="654424"/>
                  </a:lnTo>
                  <a:lnTo>
                    <a:pt x="486830" y="644855"/>
                  </a:lnTo>
                  <a:cubicBezTo>
                    <a:pt x="409273" y="452629"/>
                    <a:pt x="371816" y="273213"/>
                    <a:pt x="374583" y="107818"/>
                  </a:cubicBezTo>
                  <a:close/>
                  <a:moveTo>
                    <a:pt x="0" y="0"/>
                  </a:moveTo>
                  <a:lnTo>
                    <a:pt x="370536" y="0"/>
                  </a:lnTo>
                  <a:lnTo>
                    <a:pt x="361984" y="106710"/>
                  </a:lnTo>
                  <a:cubicBezTo>
                    <a:pt x="359032" y="273903"/>
                    <a:pt x="396726" y="455115"/>
                    <a:pt x="474945" y="649096"/>
                  </a:cubicBezTo>
                  <a:lnTo>
                    <a:pt x="477332" y="654424"/>
                  </a:lnTo>
                  <a:lnTo>
                    <a:pt x="0" y="654424"/>
                  </a:lnTo>
                  <a:close/>
                </a:path>
              </a:pathLst>
            </a:custGeom>
            <a:solidFill>
              <a:schemeClr val="accent3"/>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3" name="Rectangle 52">
              <a:extLst>
                <a:ext uri="{FF2B5EF4-FFF2-40B4-BE49-F238E27FC236}">
                  <a16:creationId xmlns:a16="http://schemas.microsoft.com/office/drawing/2014/main" id="{C715BD44-001E-4A40-AF7A-DDED75F63A89}"/>
                </a:ext>
              </a:extLst>
            </p:cNvPr>
            <p:cNvSpPr/>
            <p:nvPr userDrawn="1"/>
          </p:nvSpPr>
          <p:spPr>
            <a:xfrm rot="5400000">
              <a:off x="3234737" y="4321385"/>
              <a:ext cx="719957" cy="71987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4" name="Freeform: Shape 53">
              <a:extLst>
                <a:ext uri="{FF2B5EF4-FFF2-40B4-BE49-F238E27FC236}">
                  <a16:creationId xmlns:a16="http://schemas.microsoft.com/office/drawing/2014/main" id="{F626FEA4-9513-4849-AB95-92003250005F}"/>
                </a:ext>
              </a:extLst>
            </p:cNvPr>
            <p:cNvSpPr/>
            <p:nvPr userDrawn="1"/>
          </p:nvSpPr>
          <p:spPr>
            <a:xfrm rot="5400000">
              <a:off x="3234608" y="4321342"/>
              <a:ext cx="719957" cy="719871"/>
            </a:xfrm>
            <a:custGeom>
              <a:avLst/>
              <a:gdLst>
                <a:gd name="connsiteX0" fmla="*/ 979395 w 1462397"/>
                <a:gd name="connsiteY0" fmla="*/ 0 h 654424"/>
                <a:gd name="connsiteX1" fmla="*/ 1462397 w 1462397"/>
                <a:gd name="connsiteY1" fmla="*/ 0 h 654424"/>
                <a:gd name="connsiteX2" fmla="*/ 1462397 w 1462397"/>
                <a:gd name="connsiteY2" fmla="*/ 654424 h 654424"/>
                <a:gd name="connsiteX3" fmla="*/ 402557 w 1462397"/>
                <a:gd name="connsiteY3" fmla="*/ 654424 h 654424"/>
                <a:gd name="connsiteX4" fmla="*/ 408917 w 1462397"/>
                <a:gd name="connsiteY4" fmla="*/ 624567 h 654424"/>
                <a:gd name="connsiteX5" fmla="*/ 448740 w 1462397"/>
                <a:gd name="connsiteY5" fmla="*/ 514024 h 654424"/>
                <a:gd name="connsiteX6" fmla="*/ 857242 w 1462397"/>
                <a:gd name="connsiteY6" fmla="*/ 66091 h 654424"/>
                <a:gd name="connsiteX7" fmla="*/ 959406 w 1462397"/>
                <a:gd name="connsiteY7" fmla="*/ 9162 h 654424"/>
                <a:gd name="connsiteX8" fmla="*/ 0 w 1462397"/>
                <a:gd name="connsiteY8" fmla="*/ 0 h 654424"/>
                <a:gd name="connsiteX9" fmla="*/ 950177 w 1462397"/>
                <a:gd name="connsiteY9" fmla="*/ 0 h 654424"/>
                <a:gd name="connsiteX10" fmla="*/ 850941 w 1462397"/>
                <a:gd name="connsiteY10" fmla="*/ 55242 h 654424"/>
                <a:gd name="connsiteX11" fmla="*/ 437266 w 1462397"/>
                <a:gd name="connsiteY11" fmla="*/ 508892 h 654424"/>
                <a:gd name="connsiteX12" fmla="*/ 396911 w 1462397"/>
                <a:gd name="connsiteY12" fmla="*/ 620770 h 654424"/>
                <a:gd name="connsiteX13" fmla="*/ 389717 w 1462397"/>
                <a:gd name="connsiteY13" fmla="*/ 654424 h 654424"/>
                <a:gd name="connsiteX14" fmla="*/ 0 w 1462397"/>
                <a:gd name="connsiteY14"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62397" h="654424">
                  <a:moveTo>
                    <a:pt x="979395" y="0"/>
                  </a:moveTo>
                  <a:lnTo>
                    <a:pt x="1462397" y="0"/>
                  </a:lnTo>
                  <a:lnTo>
                    <a:pt x="1462397" y="654424"/>
                  </a:lnTo>
                  <a:lnTo>
                    <a:pt x="402557" y="654424"/>
                  </a:lnTo>
                  <a:lnTo>
                    <a:pt x="408917" y="624567"/>
                  </a:lnTo>
                  <a:cubicBezTo>
                    <a:pt x="419673" y="586799"/>
                    <a:pt x="432946" y="549945"/>
                    <a:pt x="448740" y="514024"/>
                  </a:cubicBezTo>
                  <a:cubicBezTo>
                    <a:pt x="546505" y="291747"/>
                    <a:pt x="724844" y="147750"/>
                    <a:pt x="857242" y="66091"/>
                  </a:cubicBezTo>
                  <a:cubicBezTo>
                    <a:pt x="893158" y="43934"/>
                    <a:pt x="927730" y="25042"/>
                    <a:pt x="959406" y="9162"/>
                  </a:cubicBezTo>
                  <a:close/>
                  <a:moveTo>
                    <a:pt x="0" y="0"/>
                  </a:moveTo>
                  <a:lnTo>
                    <a:pt x="950177" y="0"/>
                  </a:lnTo>
                  <a:lnTo>
                    <a:pt x="850941" y="55242"/>
                  </a:lnTo>
                  <a:cubicBezTo>
                    <a:pt x="716832" y="137819"/>
                    <a:pt x="536366" y="283569"/>
                    <a:pt x="437266" y="508892"/>
                  </a:cubicBezTo>
                  <a:cubicBezTo>
                    <a:pt x="421269" y="545256"/>
                    <a:pt x="407818" y="582556"/>
                    <a:pt x="396911" y="620770"/>
                  </a:cubicBezTo>
                  <a:lnTo>
                    <a:pt x="389717" y="654424"/>
                  </a:lnTo>
                  <a:lnTo>
                    <a:pt x="0" y="654424"/>
                  </a:lnTo>
                  <a:close/>
                </a:path>
              </a:pathLst>
            </a:custGeom>
            <a:solidFill>
              <a:schemeClr val="accent4"/>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sp>
          <p:nvSpPr>
            <p:cNvPr id="55" name="Rectangle 54">
              <a:extLst>
                <a:ext uri="{FF2B5EF4-FFF2-40B4-BE49-F238E27FC236}">
                  <a16:creationId xmlns:a16="http://schemas.microsoft.com/office/drawing/2014/main" id="{92F2368D-34E9-455A-BD4C-619BB8339809}"/>
                </a:ext>
              </a:extLst>
            </p:cNvPr>
            <p:cNvSpPr/>
            <p:nvPr userDrawn="1"/>
          </p:nvSpPr>
          <p:spPr>
            <a:xfrm rot="5400000">
              <a:off x="613582" y="4326923"/>
              <a:ext cx="718617" cy="71290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noProof="0"/>
            </a:p>
          </p:txBody>
        </p:sp>
        <p:sp>
          <p:nvSpPr>
            <p:cNvPr id="56" name="Freeform: Shape 55">
              <a:extLst>
                <a:ext uri="{FF2B5EF4-FFF2-40B4-BE49-F238E27FC236}">
                  <a16:creationId xmlns:a16="http://schemas.microsoft.com/office/drawing/2014/main" id="{8A0DDE7F-CBE3-4039-8725-BC5929631D10}"/>
                </a:ext>
              </a:extLst>
            </p:cNvPr>
            <p:cNvSpPr/>
            <p:nvPr userDrawn="1"/>
          </p:nvSpPr>
          <p:spPr>
            <a:xfrm rot="5400000">
              <a:off x="606481" y="4325540"/>
              <a:ext cx="718617" cy="712900"/>
            </a:xfrm>
            <a:custGeom>
              <a:avLst/>
              <a:gdLst>
                <a:gd name="connsiteX0" fmla="*/ 762129 w 1462397"/>
                <a:gd name="connsiteY0" fmla="*/ 0 h 654424"/>
                <a:gd name="connsiteX1" fmla="*/ 1462397 w 1462397"/>
                <a:gd name="connsiteY1" fmla="*/ 0 h 654424"/>
                <a:gd name="connsiteX2" fmla="*/ 1462397 w 1462397"/>
                <a:gd name="connsiteY2" fmla="*/ 654424 h 654424"/>
                <a:gd name="connsiteX3" fmla="*/ 537623 w 1462397"/>
                <a:gd name="connsiteY3" fmla="*/ 654424 h 654424"/>
                <a:gd name="connsiteX4" fmla="*/ 540648 w 1462397"/>
                <a:gd name="connsiteY4" fmla="*/ 651387 h 654424"/>
                <a:gd name="connsiteX5" fmla="*/ 661225 w 1462397"/>
                <a:gd name="connsiteY5" fmla="*/ 478421 h 654424"/>
                <a:gd name="connsiteX6" fmla="*/ 759956 w 1462397"/>
                <a:gd name="connsiteY6" fmla="*/ 126565 h 654424"/>
                <a:gd name="connsiteX7" fmla="*/ 0 w 1462397"/>
                <a:gd name="connsiteY7" fmla="*/ 0 h 654424"/>
                <a:gd name="connsiteX8" fmla="*/ 748209 w 1462397"/>
                <a:gd name="connsiteY8" fmla="*/ 0 h 654424"/>
                <a:gd name="connsiteX9" fmla="*/ 750488 w 1462397"/>
                <a:gd name="connsiteY9" fmla="*/ 84030 h 654424"/>
                <a:gd name="connsiteX10" fmla="*/ 650042 w 1462397"/>
                <a:gd name="connsiteY10" fmla="*/ 472580 h 654424"/>
                <a:gd name="connsiteX11" fmla="*/ 531143 w 1462397"/>
                <a:gd name="connsiteY11" fmla="*/ 643114 h 654424"/>
                <a:gd name="connsiteX12" fmla="*/ 519874 w 1462397"/>
                <a:gd name="connsiteY12" fmla="*/ 654424 h 654424"/>
                <a:gd name="connsiteX13" fmla="*/ 0 w 1462397"/>
                <a:gd name="connsiteY13"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62397" h="654424">
                  <a:moveTo>
                    <a:pt x="762129" y="0"/>
                  </a:moveTo>
                  <a:lnTo>
                    <a:pt x="1462397" y="0"/>
                  </a:lnTo>
                  <a:lnTo>
                    <a:pt x="1462397" y="654424"/>
                  </a:lnTo>
                  <a:lnTo>
                    <a:pt x="537623" y="654424"/>
                  </a:lnTo>
                  <a:lnTo>
                    <a:pt x="540648" y="651387"/>
                  </a:lnTo>
                  <a:cubicBezTo>
                    <a:pt x="584625" y="602361"/>
                    <a:pt x="626289" y="545016"/>
                    <a:pt x="661225" y="478421"/>
                  </a:cubicBezTo>
                  <a:cubicBezTo>
                    <a:pt x="716961" y="372143"/>
                    <a:pt x="750000" y="254225"/>
                    <a:pt x="759956" y="126565"/>
                  </a:cubicBezTo>
                  <a:close/>
                  <a:moveTo>
                    <a:pt x="0" y="0"/>
                  </a:moveTo>
                  <a:lnTo>
                    <a:pt x="748209" y="0"/>
                  </a:lnTo>
                  <a:lnTo>
                    <a:pt x="750488" y="84030"/>
                  </a:lnTo>
                  <a:cubicBezTo>
                    <a:pt x="745080" y="225505"/>
                    <a:pt x="711614" y="355224"/>
                    <a:pt x="650042" y="472580"/>
                  </a:cubicBezTo>
                  <a:cubicBezTo>
                    <a:pt x="615597" y="538236"/>
                    <a:pt x="574512" y="594775"/>
                    <a:pt x="531143" y="643114"/>
                  </a:cubicBezTo>
                  <a:lnTo>
                    <a:pt x="519874" y="654424"/>
                  </a:lnTo>
                  <a:lnTo>
                    <a:pt x="0" y="654424"/>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noProof="0"/>
            </a:p>
          </p:txBody>
        </p:sp>
        <p:sp>
          <p:nvSpPr>
            <p:cNvPr id="57" name="Rectangle 56">
              <a:extLst>
                <a:ext uri="{FF2B5EF4-FFF2-40B4-BE49-F238E27FC236}">
                  <a16:creationId xmlns:a16="http://schemas.microsoft.com/office/drawing/2014/main" id="{1A02F001-2840-45AB-9F47-F0D1011E3168}"/>
                </a:ext>
              </a:extLst>
            </p:cNvPr>
            <p:cNvSpPr/>
            <p:nvPr userDrawn="1"/>
          </p:nvSpPr>
          <p:spPr>
            <a:xfrm rot="5400000">
              <a:off x="1485135" y="4323373"/>
              <a:ext cx="718617" cy="72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58" name="Freeform: Shape 57">
              <a:extLst>
                <a:ext uri="{FF2B5EF4-FFF2-40B4-BE49-F238E27FC236}">
                  <a16:creationId xmlns:a16="http://schemas.microsoft.com/office/drawing/2014/main" id="{0C2F15E5-DBFE-484D-9725-52B0691C207B}"/>
                </a:ext>
              </a:extLst>
            </p:cNvPr>
            <p:cNvSpPr/>
            <p:nvPr userDrawn="1"/>
          </p:nvSpPr>
          <p:spPr>
            <a:xfrm rot="5400000">
              <a:off x="1485135" y="4321991"/>
              <a:ext cx="718617" cy="720000"/>
            </a:xfrm>
            <a:custGeom>
              <a:avLst/>
              <a:gdLst>
                <a:gd name="connsiteX0" fmla="*/ 538711 w 1462397"/>
                <a:gd name="connsiteY0" fmla="*/ 0 h 654424"/>
                <a:gd name="connsiteX1" fmla="*/ 1462397 w 1462397"/>
                <a:gd name="connsiteY1" fmla="*/ 0 h 654424"/>
                <a:gd name="connsiteX2" fmla="*/ 1462397 w 1462397"/>
                <a:gd name="connsiteY2" fmla="*/ 654424 h 654424"/>
                <a:gd name="connsiteX3" fmla="*/ 751190 w 1462397"/>
                <a:gd name="connsiteY3" fmla="*/ 654424 h 654424"/>
                <a:gd name="connsiteX4" fmla="*/ 744223 w 1462397"/>
                <a:gd name="connsiteY4" fmla="*/ 589752 h 654424"/>
                <a:gd name="connsiteX5" fmla="*/ 555240 w 1462397"/>
                <a:gd name="connsiteY5" fmla="*/ 36879 h 654424"/>
                <a:gd name="connsiteX6" fmla="*/ 0 w 1462397"/>
                <a:gd name="connsiteY6" fmla="*/ 0 h 654424"/>
                <a:gd name="connsiteX7" fmla="*/ 524918 w 1462397"/>
                <a:gd name="connsiteY7" fmla="*/ 0 h 654424"/>
                <a:gd name="connsiteX8" fmla="*/ 543932 w 1462397"/>
                <a:gd name="connsiteY8" fmla="*/ 42429 h 654424"/>
                <a:gd name="connsiteX9" fmla="*/ 723907 w 1462397"/>
                <a:gd name="connsiteY9" fmla="*/ 546514 h 654424"/>
                <a:gd name="connsiteX10" fmla="*/ 739866 w 1462397"/>
                <a:gd name="connsiteY10" fmla="*/ 654424 h 654424"/>
                <a:gd name="connsiteX11" fmla="*/ 0 w 1462397"/>
                <a:gd name="connsiteY11" fmla="*/ 654424 h 654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462397" h="654424">
                  <a:moveTo>
                    <a:pt x="538711" y="0"/>
                  </a:moveTo>
                  <a:lnTo>
                    <a:pt x="1462397" y="0"/>
                  </a:lnTo>
                  <a:lnTo>
                    <a:pt x="1462397" y="654424"/>
                  </a:lnTo>
                  <a:lnTo>
                    <a:pt x="751190" y="654424"/>
                  </a:lnTo>
                  <a:lnTo>
                    <a:pt x="744223" y="589752"/>
                  </a:lnTo>
                  <a:cubicBezTo>
                    <a:pt x="714898" y="418183"/>
                    <a:pt x="651627" y="232941"/>
                    <a:pt x="555240" y="36879"/>
                  </a:cubicBezTo>
                  <a:close/>
                  <a:moveTo>
                    <a:pt x="0" y="0"/>
                  </a:moveTo>
                  <a:lnTo>
                    <a:pt x="524918" y="0"/>
                  </a:lnTo>
                  <a:lnTo>
                    <a:pt x="543932" y="42429"/>
                  </a:lnTo>
                  <a:cubicBezTo>
                    <a:pt x="631917" y="221404"/>
                    <a:pt x="691925" y="389635"/>
                    <a:pt x="723907" y="546514"/>
                  </a:cubicBezTo>
                  <a:lnTo>
                    <a:pt x="739866" y="654424"/>
                  </a:lnTo>
                  <a:lnTo>
                    <a:pt x="0" y="654424"/>
                  </a:lnTo>
                  <a:close/>
                </a:path>
              </a:pathLst>
            </a:custGeom>
            <a:solidFill>
              <a:schemeClr val="accent1"/>
            </a:solidFill>
            <a:ln>
              <a:noFill/>
            </a:ln>
          </p:spPr>
          <p:style>
            <a:lnRef idx="0">
              <a:scrgbClr r="0" g="0" b="0"/>
            </a:lnRef>
            <a:fillRef idx="0">
              <a:scrgbClr r="0" g="0" b="0"/>
            </a:fillRef>
            <a:effectRef idx="0">
              <a:scrgbClr r="0" g="0" b="0"/>
            </a:effectRef>
            <a:fontRef idx="minor">
              <a:schemeClr val="lt1"/>
            </a:fontRef>
          </p:style>
          <p:txBody>
            <a:bodyPr wrap="square" rtlCol="0" anchor="ctr">
              <a:noAutofit/>
            </a:bodyPr>
            <a:lstStyle/>
            <a:p>
              <a:pPr algn="ctr"/>
              <a:endParaRPr lang="en-US" noProof="0"/>
            </a:p>
          </p:txBody>
        </p:sp>
      </p:grpSp>
      <p:sp>
        <p:nvSpPr>
          <p:cNvPr id="14" name="Rectangle 13">
            <a:extLst>
              <a:ext uri="{FF2B5EF4-FFF2-40B4-BE49-F238E27FC236}">
                <a16:creationId xmlns:a16="http://schemas.microsoft.com/office/drawing/2014/main" id="{C5375511-8346-4AAD-B3C3-D1D9E9225759}"/>
              </a:ext>
            </a:extLst>
          </p:cNvPr>
          <p:cNvSpPr/>
          <p:nvPr userDrawn="1"/>
        </p:nvSpPr>
        <p:spPr>
          <a:xfrm>
            <a:off x="6096000" y="3067136"/>
            <a:ext cx="993648" cy="6697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667099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mplate Guide 2/2">
    <p:spTree>
      <p:nvGrpSpPr>
        <p:cNvPr id="1" name=""/>
        <p:cNvGrpSpPr/>
        <p:nvPr/>
      </p:nvGrpSpPr>
      <p:grpSpPr>
        <a:xfrm>
          <a:off x="0" y="0"/>
          <a:ext cx="0" cy="0"/>
          <a:chOff x="0" y="0"/>
          <a:chExt cx="0" cy="0"/>
        </a:xfrm>
      </p:grpSpPr>
      <p:sp>
        <p:nvSpPr>
          <p:cNvPr id="74" name="Rectangle 73">
            <a:extLst>
              <a:ext uri="{FF2B5EF4-FFF2-40B4-BE49-F238E27FC236}">
                <a16:creationId xmlns:a16="http://schemas.microsoft.com/office/drawing/2014/main" id="{3199449A-0573-4F8C-908D-1C72B1F005AF}"/>
              </a:ext>
            </a:extLst>
          </p:cNvPr>
          <p:cNvSpPr/>
          <p:nvPr userDrawn="1"/>
        </p:nvSpPr>
        <p:spPr>
          <a:xfrm>
            <a:off x="609600" y="585787"/>
            <a:ext cx="10945792" cy="640585"/>
          </a:xfrm>
          <a:prstGeom prst="rect">
            <a:avLst/>
          </a:prstGeom>
        </p:spPr>
        <p:txBody>
          <a:bodyPr vert="horz" lIns="0" tIns="0" rIns="0" bIns="0" rtlCol="0" anchor="t" anchorCtr="0">
            <a:noAutofit/>
          </a:bodyPr>
          <a:lstStyle/>
          <a:p>
            <a:pPr lvl="0">
              <a:lnSpc>
                <a:spcPct val="90000"/>
              </a:lnSpc>
              <a:spcBef>
                <a:spcPct val="0"/>
              </a:spcBef>
              <a:buNone/>
            </a:pPr>
            <a:r>
              <a:rPr lang="en-GB" sz="4800">
                <a:solidFill>
                  <a:schemeClr val="accent1"/>
                </a:solidFill>
                <a:latin typeface="+mj-lt"/>
                <a:ea typeface="+mj-ea"/>
                <a:cs typeface="+mj-cs"/>
              </a:rPr>
              <a:t>Template Guide</a:t>
            </a:r>
            <a:endParaRPr lang="de-DE" sz="4800">
              <a:solidFill>
                <a:schemeClr val="accent1"/>
              </a:solidFill>
              <a:latin typeface="+mj-lt"/>
              <a:ea typeface="+mj-ea"/>
              <a:cs typeface="+mj-cs"/>
            </a:endParaRPr>
          </a:p>
        </p:txBody>
      </p:sp>
      <p:sp>
        <p:nvSpPr>
          <p:cNvPr id="75" name="Rectangle 74">
            <a:extLst>
              <a:ext uri="{FF2B5EF4-FFF2-40B4-BE49-F238E27FC236}">
                <a16:creationId xmlns:a16="http://schemas.microsoft.com/office/drawing/2014/main" id="{58F9B36E-BE37-4A81-A079-B8B9CAE5B33F}"/>
              </a:ext>
            </a:extLst>
          </p:cNvPr>
          <p:cNvSpPr/>
          <p:nvPr userDrawn="1"/>
        </p:nvSpPr>
        <p:spPr>
          <a:xfrm>
            <a:off x="609600" y="1226373"/>
            <a:ext cx="10945792" cy="477968"/>
          </a:xfrm>
          <a:prstGeom prst="rect">
            <a:avLst/>
          </a:prstGeom>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2400">
                <a:solidFill>
                  <a:srgbClr val="000060"/>
                </a:solidFill>
              </a:rPr>
              <a:t>Working with the Rabobank PowerPoint template</a:t>
            </a:r>
            <a:endParaRPr lang="de-DE" sz="2400">
              <a:solidFill>
                <a:srgbClr val="000060"/>
              </a:solidFill>
            </a:endParaRPr>
          </a:p>
        </p:txBody>
      </p:sp>
      <p:sp>
        <p:nvSpPr>
          <p:cNvPr id="105" name="Rectangle 104">
            <a:extLst>
              <a:ext uri="{FF2B5EF4-FFF2-40B4-BE49-F238E27FC236}">
                <a16:creationId xmlns:a16="http://schemas.microsoft.com/office/drawing/2014/main" id="{BA967497-5949-4233-890F-D8C202C1519E}"/>
              </a:ext>
            </a:extLst>
          </p:cNvPr>
          <p:cNvSpPr/>
          <p:nvPr userDrawn="1"/>
        </p:nvSpPr>
        <p:spPr>
          <a:xfrm>
            <a:off x="609600"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Scaling Connecting Paths</a:t>
            </a:r>
            <a:endParaRPr lang="de-DE" sz="1800">
              <a:solidFill>
                <a:schemeClr val="accent1"/>
              </a:solidFill>
              <a:latin typeface="+mj-lt"/>
            </a:endParaRPr>
          </a:p>
        </p:txBody>
      </p:sp>
      <p:sp>
        <p:nvSpPr>
          <p:cNvPr id="106" name="Rectangle 105">
            <a:extLst>
              <a:ext uri="{FF2B5EF4-FFF2-40B4-BE49-F238E27FC236}">
                <a16:creationId xmlns:a16="http://schemas.microsoft.com/office/drawing/2014/main" id="{3047304F-12F2-4CA5-9BD9-B30297B893EB}"/>
              </a:ext>
            </a:extLst>
          </p:cNvPr>
          <p:cNvSpPr/>
          <p:nvPr userDrawn="1"/>
        </p:nvSpPr>
        <p:spPr>
          <a:xfrm>
            <a:off x="609600" y="2169917"/>
            <a:ext cx="5291998" cy="1640241"/>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To scale a Connecting Path, first select the path and then drag any of the corners.</a:t>
            </a:r>
          </a:p>
        </p:txBody>
      </p:sp>
      <p:pic>
        <p:nvPicPr>
          <p:cNvPr id="115" name="Picture 114" descr="Diagram&#10;&#10;Description automatically generated with medium confidence">
            <a:extLst>
              <a:ext uri="{FF2B5EF4-FFF2-40B4-BE49-F238E27FC236}">
                <a16:creationId xmlns:a16="http://schemas.microsoft.com/office/drawing/2014/main" id="{B3BA693E-F661-4745-959D-107915DEFF42}"/>
              </a:ext>
            </a:extLst>
          </p:cNvPr>
          <p:cNvPicPr>
            <a:picLocks noChangeAspect="1"/>
          </p:cNvPicPr>
          <p:nvPr userDrawn="1"/>
        </p:nvPicPr>
        <p:blipFill>
          <a:blip r:embed="rId2"/>
          <a:stretch>
            <a:fillRect/>
          </a:stretch>
        </p:blipFill>
        <p:spPr>
          <a:xfrm>
            <a:off x="609598" y="2916628"/>
            <a:ext cx="1761502" cy="1309577"/>
          </a:xfrm>
          <a:prstGeom prst="rect">
            <a:avLst/>
          </a:prstGeom>
        </p:spPr>
      </p:pic>
      <p:sp>
        <p:nvSpPr>
          <p:cNvPr id="109" name="Rectangle 108">
            <a:extLst>
              <a:ext uri="{FF2B5EF4-FFF2-40B4-BE49-F238E27FC236}">
                <a16:creationId xmlns:a16="http://schemas.microsoft.com/office/drawing/2014/main" id="{8E3CF5B3-703E-4D05-B05B-20C46D68E0BC}"/>
              </a:ext>
            </a:extLst>
          </p:cNvPr>
          <p:cNvSpPr/>
          <p:nvPr userDrawn="1"/>
        </p:nvSpPr>
        <p:spPr>
          <a:xfrm>
            <a:off x="2220582"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Rectangle 109">
            <a:extLst>
              <a:ext uri="{FF2B5EF4-FFF2-40B4-BE49-F238E27FC236}">
                <a16:creationId xmlns:a16="http://schemas.microsoft.com/office/drawing/2014/main" id="{E5F9D8A3-CEF8-4BE8-8DDE-01731871D327}"/>
              </a:ext>
            </a:extLst>
          </p:cNvPr>
          <p:cNvSpPr/>
          <p:nvPr userDrawn="1"/>
        </p:nvSpPr>
        <p:spPr>
          <a:xfrm>
            <a:off x="2220582"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Rectangle 110">
            <a:extLst>
              <a:ext uri="{FF2B5EF4-FFF2-40B4-BE49-F238E27FC236}">
                <a16:creationId xmlns:a16="http://schemas.microsoft.com/office/drawing/2014/main" id="{071107C9-4A21-4A33-A441-DF1A98722335}"/>
              </a:ext>
            </a:extLst>
          </p:cNvPr>
          <p:cNvSpPr/>
          <p:nvPr userDrawn="1"/>
        </p:nvSpPr>
        <p:spPr>
          <a:xfrm>
            <a:off x="714970" y="3004538"/>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Rectangle 111">
            <a:extLst>
              <a:ext uri="{FF2B5EF4-FFF2-40B4-BE49-F238E27FC236}">
                <a16:creationId xmlns:a16="http://schemas.microsoft.com/office/drawing/2014/main" id="{6B0996AE-C8B9-42BC-B6A3-1A23182805B1}"/>
              </a:ext>
            </a:extLst>
          </p:cNvPr>
          <p:cNvSpPr/>
          <p:nvPr userDrawn="1"/>
        </p:nvSpPr>
        <p:spPr>
          <a:xfrm>
            <a:off x="714970" y="4037094"/>
            <a:ext cx="78922" cy="789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8" name="Picture 117" descr="Diagram&#10;&#10;Description automatically generated with medium confidence">
            <a:extLst>
              <a:ext uri="{FF2B5EF4-FFF2-40B4-BE49-F238E27FC236}">
                <a16:creationId xmlns:a16="http://schemas.microsoft.com/office/drawing/2014/main" id="{E2B62AAD-E713-4E0D-B0D2-94D12491C7EB}"/>
              </a:ext>
            </a:extLst>
          </p:cNvPr>
          <p:cNvPicPr>
            <a:picLocks noChangeAspect="1"/>
          </p:cNvPicPr>
          <p:nvPr userDrawn="1"/>
        </p:nvPicPr>
        <p:blipFill>
          <a:blip r:embed="rId2"/>
          <a:stretch>
            <a:fillRect/>
          </a:stretch>
        </p:blipFill>
        <p:spPr>
          <a:xfrm>
            <a:off x="2476469" y="2916628"/>
            <a:ext cx="3425129" cy="2546391"/>
          </a:xfrm>
          <a:prstGeom prst="rect">
            <a:avLst/>
          </a:prstGeom>
        </p:spPr>
      </p:pic>
      <p:sp>
        <p:nvSpPr>
          <p:cNvPr id="119" name="Rectangle 118">
            <a:extLst>
              <a:ext uri="{FF2B5EF4-FFF2-40B4-BE49-F238E27FC236}">
                <a16:creationId xmlns:a16="http://schemas.microsoft.com/office/drawing/2014/main" id="{EEFBE6C6-EC92-4404-B5E5-7996BFCC0F9C}"/>
              </a:ext>
            </a:extLst>
          </p:cNvPr>
          <p:cNvSpPr/>
          <p:nvPr userDrawn="1"/>
        </p:nvSpPr>
        <p:spPr>
          <a:xfrm>
            <a:off x="5608926"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Rectangle 119">
            <a:extLst>
              <a:ext uri="{FF2B5EF4-FFF2-40B4-BE49-F238E27FC236}">
                <a16:creationId xmlns:a16="http://schemas.microsoft.com/office/drawing/2014/main" id="{9DBEBD47-D8D2-4062-B196-FCF5EE20EF54}"/>
              </a:ext>
            </a:extLst>
          </p:cNvPr>
          <p:cNvSpPr/>
          <p:nvPr userDrawn="1"/>
        </p:nvSpPr>
        <p:spPr>
          <a:xfrm>
            <a:off x="5608926"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Rectangle 120">
            <a:extLst>
              <a:ext uri="{FF2B5EF4-FFF2-40B4-BE49-F238E27FC236}">
                <a16:creationId xmlns:a16="http://schemas.microsoft.com/office/drawing/2014/main" id="{342327B0-59A8-45EF-97CF-3243C67B33A6}"/>
              </a:ext>
            </a:extLst>
          </p:cNvPr>
          <p:cNvSpPr/>
          <p:nvPr userDrawn="1"/>
        </p:nvSpPr>
        <p:spPr>
          <a:xfrm>
            <a:off x="2681357" y="3087564"/>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Rectangle 121">
            <a:extLst>
              <a:ext uri="{FF2B5EF4-FFF2-40B4-BE49-F238E27FC236}">
                <a16:creationId xmlns:a16="http://schemas.microsoft.com/office/drawing/2014/main" id="{5B7583D1-74B6-45D9-87E0-E54BD4D65BDB}"/>
              </a:ext>
            </a:extLst>
          </p:cNvPr>
          <p:cNvSpPr/>
          <p:nvPr userDrawn="1"/>
        </p:nvSpPr>
        <p:spPr>
          <a:xfrm>
            <a:off x="2681357" y="5095305"/>
            <a:ext cx="153459" cy="153459"/>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5" name="Straight Arrow Connector 134">
            <a:extLst>
              <a:ext uri="{FF2B5EF4-FFF2-40B4-BE49-F238E27FC236}">
                <a16:creationId xmlns:a16="http://schemas.microsoft.com/office/drawing/2014/main" id="{235A6787-7B64-49B7-B752-747D8FB3DE6F}"/>
              </a:ext>
            </a:extLst>
          </p:cNvPr>
          <p:cNvCxnSpPr>
            <a:cxnSpLocks/>
          </p:cNvCxnSpPr>
          <p:nvPr userDrawn="1"/>
        </p:nvCxnSpPr>
        <p:spPr>
          <a:xfrm>
            <a:off x="2371100" y="3522572"/>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9" name="Straight Arrow Connector 138">
            <a:extLst>
              <a:ext uri="{FF2B5EF4-FFF2-40B4-BE49-F238E27FC236}">
                <a16:creationId xmlns:a16="http://schemas.microsoft.com/office/drawing/2014/main" id="{610077C5-E563-46DC-9431-F086073D83B0}"/>
              </a:ext>
            </a:extLst>
          </p:cNvPr>
          <p:cNvCxnSpPr>
            <a:cxnSpLocks/>
          </p:cNvCxnSpPr>
          <p:nvPr userDrawn="1"/>
        </p:nvCxnSpPr>
        <p:spPr>
          <a:xfrm>
            <a:off x="2371100" y="365619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0" name="Straight Arrow Connector 139">
            <a:extLst>
              <a:ext uri="{FF2B5EF4-FFF2-40B4-BE49-F238E27FC236}">
                <a16:creationId xmlns:a16="http://schemas.microsoft.com/office/drawing/2014/main" id="{E2A88167-6498-4D5B-A2E3-BEDB6E5F608B}"/>
              </a:ext>
            </a:extLst>
          </p:cNvPr>
          <p:cNvCxnSpPr>
            <a:cxnSpLocks/>
          </p:cNvCxnSpPr>
          <p:nvPr userDrawn="1"/>
        </p:nvCxnSpPr>
        <p:spPr>
          <a:xfrm>
            <a:off x="2371100" y="3783975"/>
            <a:ext cx="25843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617E37B-5C9C-47A7-BBBC-111F167CA1A3}"/>
              </a:ext>
            </a:extLst>
          </p:cNvPr>
          <p:cNvGrpSpPr/>
          <p:nvPr userDrawn="1"/>
        </p:nvGrpSpPr>
        <p:grpSpPr>
          <a:xfrm>
            <a:off x="2034998" y="2806856"/>
            <a:ext cx="450089" cy="472018"/>
            <a:chOff x="2110246" y="2781456"/>
            <a:chExt cx="473850" cy="496936"/>
          </a:xfrm>
        </p:grpSpPr>
        <p:cxnSp>
          <p:nvCxnSpPr>
            <p:cNvPr id="152" name="Straight Arrow Connector 151">
              <a:extLst>
                <a:ext uri="{FF2B5EF4-FFF2-40B4-BE49-F238E27FC236}">
                  <a16:creationId xmlns:a16="http://schemas.microsoft.com/office/drawing/2014/main" id="{66C9DBEB-7B4B-4BF7-A83B-653B11AD988B}"/>
                </a:ext>
              </a:extLst>
            </p:cNvPr>
            <p:cNvCxnSpPr/>
            <p:nvPr userDrawn="1"/>
          </p:nvCxnSpPr>
          <p:spPr>
            <a:xfrm flipV="1">
              <a:off x="2350028" y="2781456"/>
              <a:ext cx="0" cy="15058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3" name="Straight Arrow Connector 152">
              <a:extLst>
                <a:ext uri="{FF2B5EF4-FFF2-40B4-BE49-F238E27FC236}">
                  <a16:creationId xmlns:a16="http://schemas.microsoft.com/office/drawing/2014/main" id="{570D5C91-8F0D-40BE-BC01-7D67F417A9A0}"/>
                </a:ext>
              </a:extLst>
            </p:cNvPr>
            <p:cNvCxnSpPr>
              <a:cxnSpLocks/>
            </p:cNvCxnSpPr>
            <p:nvPr userDrawn="1"/>
          </p:nvCxnSpPr>
          <p:spPr>
            <a:xfrm>
              <a:off x="2350028" y="3128284"/>
              <a:ext cx="0" cy="15010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4" name="Straight Arrow Connector 153">
              <a:extLst>
                <a:ext uri="{FF2B5EF4-FFF2-40B4-BE49-F238E27FC236}">
                  <a16:creationId xmlns:a16="http://schemas.microsoft.com/office/drawing/2014/main" id="{FBEBF7A8-B438-48ED-A3BB-21213B164798}"/>
                </a:ext>
              </a:extLst>
            </p:cNvPr>
            <p:cNvCxnSpPr/>
            <p:nvPr userDrawn="1"/>
          </p:nvCxnSpPr>
          <p:spPr>
            <a:xfrm flipV="1">
              <a:off x="2433988" y="3025219"/>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Straight Arrow Connector 154">
              <a:extLst>
                <a:ext uri="{FF2B5EF4-FFF2-40B4-BE49-F238E27FC236}">
                  <a16:creationId xmlns:a16="http://schemas.microsoft.com/office/drawing/2014/main" id="{8479F36D-D6A2-4120-B820-399C6A267F3A}"/>
                </a:ext>
              </a:extLst>
            </p:cNvPr>
            <p:cNvCxnSpPr>
              <a:cxnSpLocks/>
            </p:cNvCxnSpPr>
            <p:nvPr userDrawn="1"/>
          </p:nvCxnSpPr>
          <p:spPr>
            <a:xfrm flipH="1">
              <a:off x="2110246" y="3031292"/>
              <a:ext cx="150108"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sp>
        <p:nvSpPr>
          <p:cNvPr id="29" name="Rectangle 28">
            <a:extLst>
              <a:ext uri="{FF2B5EF4-FFF2-40B4-BE49-F238E27FC236}">
                <a16:creationId xmlns:a16="http://schemas.microsoft.com/office/drawing/2014/main" id="{1BA4B085-EF45-4F65-B3D8-05E7EBFF8C41}"/>
              </a:ext>
            </a:extLst>
          </p:cNvPr>
          <p:cNvSpPr/>
          <p:nvPr userDrawn="1"/>
        </p:nvSpPr>
        <p:spPr>
          <a:xfrm>
            <a:off x="6290404" y="1812159"/>
            <a:ext cx="5291998" cy="356743"/>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GB" sz="1800">
                <a:solidFill>
                  <a:schemeClr val="accent1"/>
                </a:solidFill>
                <a:latin typeface="+mj-lt"/>
              </a:rPr>
              <a:t>Image overlay</a:t>
            </a:r>
            <a:endParaRPr lang="de-DE" sz="1800">
              <a:solidFill>
                <a:schemeClr val="accent1"/>
              </a:solidFill>
              <a:latin typeface="+mj-lt"/>
            </a:endParaRPr>
          </a:p>
        </p:txBody>
      </p:sp>
      <p:sp>
        <p:nvSpPr>
          <p:cNvPr id="30" name="Rectangle 29">
            <a:extLst>
              <a:ext uri="{FF2B5EF4-FFF2-40B4-BE49-F238E27FC236}">
                <a16:creationId xmlns:a16="http://schemas.microsoft.com/office/drawing/2014/main" id="{ABDA5A87-6034-4D9F-A883-F8DED937670F}"/>
              </a:ext>
            </a:extLst>
          </p:cNvPr>
          <p:cNvSpPr/>
          <p:nvPr userDrawn="1"/>
        </p:nvSpPr>
        <p:spPr>
          <a:xfrm>
            <a:off x="6290404" y="2169918"/>
            <a:ext cx="5291998" cy="966376"/>
          </a:xfrm>
          <a:prstGeom prst="rect">
            <a:avLst/>
          </a:prstGeom>
          <a:ln>
            <a:noFill/>
          </a:ln>
        </p:spPr>
        <p:txBody>
          <a:bodyPr vert="horz" lIns="0" tIns="0" rIns="0" bIns="0" rtlCol="0">
            <a:no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Sometimes, text on top of images might be hard to read. If this is the case, use our Rabobank image overlay.</a:t>
            </a:r>
          </a:p>
          <a:p>
            <a:pPr marL="0" marR="0" lvl="0" indent="0" algn="l" defTabSz="914400" rtl="0" eaLnBrk="1" fontAlgn="auto" latinLnBrk="0" hangingPunct="1">
              <a:lnSpc>
                <a:spcPct val="90000"/>
              </a:lnSpc>
              <a:spcBef>
                <a:spcPts val="600"/>
              </a:spcBef>
              <a:spcAft>
                <a:spcPts val="0"/>
              </a:spcAft>
              <a:buClr>
                <a:schemeClr val="accent1"/>
              </a:buClr>
              <a:buSzTx/>
              <a:buFont typeface="Arial" panose="020B0604020202020204" pitchFamily="34" charset="0"/>
              <a:buNone/>
              <a:tabLst/>
              <a:defRPr/>
            </a:pPr>
            <a:r>
              <a:rPr lang="en-US" sz="1600" noProof="0">
                <a:solidFill>
                  <a:schemeClr val="tx1"/>
                </a:solidFill>
                <a:latin typeface="+mj-lt"/>
              </a:rPr>
              <a:t>In the </a:t>
            </a:r>
            <a:r>
              <a:rPr lang="en-US" sz="1600" noProof="0">
                <a:solidFill>
                  <a:schemeClr val="tx1"/>
                </a:solidFill>
                <a:latin typeface="Myriad for Rabobank SBd It" panose="020B0603030403090204" pitchFamily="34" charset="0"/>
              </a:rPr>
              <a:t>Slide Elements </a:t>
            </a:r>
            <a:r>
              <a:rPr lang="en-US" sz="1600" noProof="0">
                <a:solidFill>
                  <a:schemeClr val="tx1"/>
                </a:solidFill>
                <a:latin typeface="+mj-lt"/>
              </a:rPr>
              <a:t>library, go to the </a:t>
            </a:r>
            <a:r>
              <a:rPr lang="en-US" sz="1600" noProof="0">
                <a:solidFill>
                  <a:schemeClr val="tx1"/>
                </a:solidFill>
                <a:latin typeface="Myriad for Rabobank SBd It" panose="020B0603030403090204" pitchFamily="34" charset="0"/>
              </a:rPr>
              <a:t>Image Overlays</a:t>
            </a:r>
            <a:r>
              <a:rPr lang="en-US" sz="1600" noProof="0">
                <a:solidFill>
                  <a:schemeClr val="tx1"/>
                </a:solidFill>
                <a:latin typeface="+mj-lt"/>
              </a:rPr>
              <a:t> folder. Then select the right version and add it to your slide.</a:t>
            </a:r>
          </a:p>
        </p:txBody>
      </p:sp>
      <p:sp>
        <p:nvSpPr>
          <p:cNvPr id="34" name="TextBox 33">
            <a:extLst>
              <a:ext uri="{FF2B5EF4-FFF2-40B4-BE49-F238E27FC236}">
                <a16:creationId xmlns:a16="http://schemas.microsoft.com/office/drawing/2014/main" id="{8B7FDA27-F1A2-4259-AA9A-FF50B7895D89}"/>
              </a:ext>
            </a:extLst>
          </p:cNvPr>
          <p:cNvSpPr txBox="1"/>
          <p:nvPr userDrawn="1"/>
        </p:nvSpPr>
        <p:spPr>
          <a:xfrm>
            <a:off x="6290404" y="4980998"/>
            <a:ext cx="5291998" cy="535531"/>
          </a:xfrm>
          <a:prstGeom prst="rect">
            <a:avLst/>
          </a:prstGeom>
          <a:noFill/>
        </p:spPr>
        <p:txBody>
          <a:bodyPr wrap="square">
            <a:spAutoFit/>
          </a:bodyPr>
          <a:lstStyle/>
          <a:p>
            <a:pPr lvl="0" indent="0">
              <a:lnSpc>
                <a:spcPct val="90000"/>
              </a:lnSpc>
              <a:spcBef>
                <a:spcPts val="600"/>
              </a:spcBef>
              <a:buClr>
                <a:schemeClr val="accent1"/>
              </a:buClr>
              <a:buFont typeface="Arial" panose="020B0604020202020204" pitchFamily="34" charset="0"/>
              <a:buNone/>
            </a:pPr>
            <a:r>
              <a:rPr lang="en-US" sz="1600" noProof="0">
                <a:solidFill>
                  <a:schemeClr val="tx1"/>
                </a:solidFill>
                <a:latin typeface="+mj-lt"/>
              </a:rPr>
              <a:t>Lastly, make sure the Image Overlay is positioned </a:t>
            </a:r>
            <a:r>
              <a:rPr lang="en-US" sz="1600" noProof="0">
                <a:solidFill>
                  <a:schemeClr val="tx1"/>
                </a:solidFill>
                <a:latin typeface="Myriad for Rabobank SBd It" panose="020B0603030403090204" pitchFamily="34" charset="0"/>
              </a:rPr>
              <a:t>behind</a:t>
            </a:r>
            <a:r>
              <a:rPr lang="en-US" sz="1600" noProof="0">
                <a:solidFill>
                  <a:schemeClr val="tx1"/>
                </a:solidFill>
                <a:latin typeface="+mj-lt"/>
              </a:rPr>
              <a:t> the text and Rabobank logo and in </a:t>
            </a:r>
            <a:r>
              <a:rPr lang="en-US" sz="1600" noProof="0">
                <a:solidFill>
                  <a:schemeClr val="tx1"/>
                </a:solidFill>
                <a:latin typeface="Myriad for Rabobank SBd It" panose="020B0603030403090204" pitchFamily="34" charset="0"/>
              </a:rPr>
              <a:t>front</a:t>
            </a:r>
            <a:r>
              <a:rPr lang="en-US" sz="1600" noProof="0">
                <a:solidFill>
                  <a:schemeClr val="tx1"/>
                </a:solidFill>
                <a:latin typeface="+mj-lt"/>
              </a:rPr>
              <a:t> of the image.</a:t>
            </a:r>
          </a:p>
        </p:txBody>
      </p:sp>
      <p:grpSp>
        <p:nvGrpSpPr>
          <p:cNvPr id="9" name="Group 8">
            <a:extLst>
              <a:ext uri="{FF2B5EF4-FFF2-40B4-BE49-F238E27FC236}">
                <a16:creationId xmlns:a16="http://schemas.microsoft.com/office/drawing/2014/main" id="{A8B0C843-2021-4A01-AB4C-10FD1C89AAB9}"/>
              </a:ext>
            </a:extLst>
          </p:cNvPr>
          <p:cNvGrpSpPr>
            <a:grpSpLocks noChangeAspect="1"/>
          </p:cNvGrpSpPr>
          <p:nvPr userDrawn="1"/>
        </p:nvGrpSpPr>
        <p:grpSpPr>
          <a:xfrm>
            <a:off x="6290405" y="3320573"/>
            <a:ext cx="1450014" cy="1548000"/>
            <a:chOff x="6290404" y="3522572"/>
            <a:chExt cx="1996346" cy="2131251"/>
          </a:xfrm>
        </p:grpSpPr>
        <p:pic>
          <p:nvPicPr>
            <p:cNvPr id="3" name="Picture 2">
              <a:extLst>
                <a:ext uri="{FF2B5EF4-FFF2-40B4-BE49-F238E27FC236}">
                  <a16:creationId xmlns:a16="http://schemas.microsoft.com/office/drawing/2014/main" id="{72C52AF5-6226-479C-B9F1-AA34ACD8795B}"/>
                </a:ext>
              </a:extLst>
            </p:cNvPr>
            <p:cNvPicPr>
              <a:picLocks noChangeAspect="1"/>
            </p:cNvPicPr>
            <p:nvPr userDrawn="1"/>
          </p:nvPicPr>
          <p:blipFill rotWithShape="1">
            <a:blip r:embed="rId3"/>
            <a:srcRect b="46687"/>
            <a:stretch/>
          </p:blipFill>
          <p:spPr>
            <a:xfrm>
              <a:off x="6290404" y="3522572"/>
              <a:ext cx="1996346" cy="2131251"/>
            </a:xfrm>
            <a:prstGeom prst="rect">
              <a:avLst/>
            </a:prstGeom>
            <a:ln>
              <a:solidFill>
                <a:schemeClr val="accent6"/>
              </a:solidFill>
            </a:ln>
          </p:spPr>
        </p:pic>
        <p:sp>
          <p:nvSpPr>
            <p:cNvPr id="5" name="Rectangle 4">
              <a:extLst>
                <a:ext uri="{FF2B5EF4-FFF2-40B4-BE49-F238E27FC236}">
                  <a16:creationId xmlns:a16="http://schemas.microsoft.com/office/drawing/2014/main" id="{358BB9E9-AC64-4864-B00E-85E733C11EB9}"/>
                </a:ext>
              </a:extLst>
            </p:cNvPr>
            <p:cNvSpPr/>
            <p:nvPr userDrawn="1"/>
          </p:nvSpPr>
          <p:spPr>
            <a:xfrm>
              <a:off x="6369844" y="5307807"/>
              <a:ext cx="1829611" cy="24893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8" name="Group 7">
            <a:extLst>
              <a:ext uri="{FF2B5EF4-FFF2-40B4-BE49-F238E27FC236}">
                <a16:creationId xmlns:a16="http://schemas.microsoft.com/office/drawing/2014/main" id="{FB3B0D2B-E8F2-481E-BA94-794158DC009F}"/>
              </a:ext>
            </a:extLst>
          </p:cNvPr>
          <p:cNvGrpSpPr>
            <a:grpSpLocks noChangeAspect="1"/>
          </p:cNvGrpSpPr>
          <p:nvPr userDrawn="1"/>
        </p:nvGrpSpPr>
        <p:grpSpPr>
          <a:xfrm>
            <a:off x="7909967" y="3320573"/>
            <a:ext cx="1450015" cy="1548000"/>
            <a:chOff x="8366190" y="3522572"/>
            <a:chExt cx="1996346" cy="2131251"/>
          </a:xfrm>
        </p:grpSpPr>
        <p:pic>
          <p:nvPicPr>
            <p:cNvPr id="7" name="Picture 6">
              <a:extLst>
                <a:ext uri="{FF2B5EF4-FFF2-40B4-BE49-F238E27FC236}">
                  <a16:creationId xmlns:a16="http://schemas.microsoft.com/office/drawing/2014/main" id="{AB7470D1-6180-4FD7-BE13-ED87F111CE76}"/>
                </a:ext>
              </a:extLst>
            </p:cNvPr>
            <p:cNvPicPr>
              <a:picLocks noChangeAspect="1"/>
            </p:cNvPicPr>
            <p:nvPr userDrawn="1"/>
          </p:nvPicPr>
          <p:blipFill rotWithShape="1">
            <a:blip r:embed="rId4"/>
            <a:srcRect b="46687"/>
            <a:stretch/>
          </p:blipFill>
          <p:spPr>
            <a:xfrm>
              <a:off x="8366190" y="3522572"/>
              <a:ext cx="1996346" cy="2131251"/>
            </a:xfrm>
            <a:prstGeom prst="rect">
              <a:avLst/>
            </a:prstGeom>
            <a:ln>
              <a:solidFill>
                <a:schemeClr val="accent6"/>
              </a:solidFill>
            </a:ln>
          </p:spPr>
        </p:pic>
        <p:sp>
          <p:nvSpPr>
            <p:cNvPr id="38" name="Rectangle 37">
              <a:extLst>
                <a:ext uri="{FF2B5EF4-FFF2-40B4-BE49-F238E27FC236}">
                  <a16:creationId xmlns:a16="http://schemas.microsoft.com/office/drawing/2014/main" id="{978C20BF-00C1-47AA-949A-6B925DDED6B7}"/>
                </a:ext>
              </a:extLst>
            </p:cNvPr>
            <p:cNvSpPr/>
            <p:nvPr userDrawn="1"/>
          </p:nvSpPr>
          <p:spPr>
            <a:xfrm>
              <a:off x="8414545" y="4329906"/>
              <a:ext cx="996156" cy="610393"/>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3" name="Picture 12">
            <a:extLst>
              <a:ext uri="{FF2B5EF4-FFF2-40B4-BE49-F238E27FC236}">
                <a16:creationId xmlns:a16="http://schemas.microsoft.com/office/drawing/2014/main" id="{FC87F54C-34CB-40B3-9D5E-E095A4B20B84}"/>
              </a:ext>
            </a:extLst>
          </p:cNvPr>
          <p:cNvPicPr>
            <a:picLocks noChangeAspect="1"/>
          </p:cNvPicPr>
          <p:nvPr userDrawn="1"/>
        </p:nvPicPr>
        <p:blipFill>
          <a:blip r:embed="rId5"/>
          <a:stretch>
            <a:fillRect/>
          </a:stretch>
        </p:blipFill>
        <p:spPr>
          <a:xfrm>
            <a:off x="9529530" y="3518573"/>
            <a:ext cx="2025862" cy="1152000"/>
          </a:xfrm>
          <a:prstGeom prst="rect">
            <a:avLst/>
          </a:prstGeom>
        </p:spPr>
      </p:pic>
      <p:cxnSp>
        <p:nvCxnSpPr>
          <p:cNvPr id="47" name="Straight Arrow Connector 46">
            <a:extLst>
              <a:ext uri="{FF2B5EF4-FFF2-40B4-BE49-F238E27FC236}">
                <a16:creationId xmlns:a16="http://schemas.microsoft.com/office/drawing/2014/main" id="{2FDFFA57-97D9-496F-ACB5-E8036D0A2141}"/>
              </a:ext>
            </a:extLst>
          </p:cNvPr>
          <p:cNvCxnSpPr>
            <a:cxnSpLocks/>
          </p:cNvCxnSpPr>
          <p:nvPr userDrawn="1"/>
        </p:nvCxnSpPr>
        <p:spPr>
          <a:xfrm>
            <a:off x="8936403" y="399501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8" name="Straight Arrow Connector 47">
            <a:extLst>
              <a:ext uri="{FF2B5EF4-FFF2-40B4-BE49-F238E27FC236}">
                <a16:creationId xmlns:a16="http://schemas.microsoft.com/office/drawing/2014/main" id="{CE10D25B-ABCF-46F1-9540-4AD284BCA847}"/>
              </a:ext>
            </a:extLst>
          </p:cNvPr>
          <p:cNvCxnSpPr>
            <a:cxnSpLocks/>
          </p:cNvCxnSpPr>
          <p:nvPr userDrawn="1"/>
        </p:nvCxnSpPr>
        <p:spPr>
          <a:xfrm>
            <a:off x="8936403" y="412864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32D9E71B-46F8-4790-AE9D-DCDB357536AC}"/>
              </a:ext>
            </a:extLst>
          </p:cNvPr>
          <p:cNvCxnSpPr>
            <a:cxnSpLocks/>
          </p:cNvCxnSpPr>
          <p:nvPr userDrawn="1"/>
        </p:nvCxnSpPr>
        <p:spPr>
          <a:xfrm>
            <a:off x="8936403" y="4256421"/>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5B54C3CE-4A38-4675-85B1-081AB66009D2}"/>
              </a:ext>
            </a:extLst>
          </p:cNvPr>
          <p:cNvCxnSpPr>
            <a:cxnSpLocks/>
          </p:cNvCxnSpPr>
          <p:nvPr userDrawn="1"/>
        </p:nvCxnSpPr>
        <p:spPr>
          <a:xfrm flipV="1">
            <a:off x="7143750" y="4166823"/>
            <a:ext cx="690563" cy="3705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6DCCD1BF-93CD-4A20-8C82-DE8AE64FA2C2}"/>
              </a:ext>
            </a:extLst>
          </p:cNvPr>
          <p:cNvGrpSpPr/>
          <p:nvPr userDrawn="1"/>
        </p:nvGrpSpPr>
        <p:grpSpPr>
          <a:xfrm>
            <a:off x="6290405" y="5643402"/>
            <a:ext cx="5291997" cy="460673"/>
            <a:chOff x="6290405" y="6067846"/>
            <a:chExt cx="5291997" cy="460673"/>
          </a:xfrm>
        </p:grpSpPr>
        <p:pic>
          <p:nvPicPr>
            <p:cNvPr id="11" name="Picture 10">
              <a:extLst>
                <a:ext uri="{FF2B5EF4-FFF2-40B4-BE49-F238E27FC236}">
                  <a16:creationId xmlns:a16="http://schemas.microsoft.com/office/drawing/2014/main" id="{39A1DEB0-9625-43E0-B7A9-AAF2511CBBB0}"/>
                </a:ext>
              </a:extLst>
            </p:cNvPr>
            <p:cNvPicPr>
              <a:picLocks noChangeAspect="1"/>
            </p:cNvPicPr>
            <p:nvPr userDrawn="1"/>
          </p:nvPicPr>
          <p:blipFill rotWithShape="1">
            <a:blip r:embed="rId6"/>
            <a:srcRect t="18413" r="24093"/>
            <a:stretch/>
          </p:blipFill>
          <p:spPr>
            <a:xfrm>
              <a:off x="6290405" y="6073356"/>
              <a:ext cx="5291997" cy="455163"/>
            </a:xfrm>
            <a:prstGeom prst="rect">
              <a:avLst/>
            </a:prstGeom>
          </p:spPr>
        </p:pic>
        <p:sp>
          <p:nvSpPr>
            <p:cNvPr id="44" name="Rectangle 43">
              <a:extLst>
                <a:ext uri="{FF2B5EF4-FFF2-40B4-BE49-F238E27FC236}">
                  <a16:creationId xmlns:a16="http://schemas.microsoft.com/office/drawing/2014/main" id="{605E6A43-B62B-4F76-B571-F3B51904F304}"/>
                </a:ext>
              </a:extLst>
            </p:cNvPr>
            <p:cNvSpPr/>
            <p:nvPr userDrawn="1"/>
          </p:nvSpPr>
          <p:spPr>
            <a:xfrm>
              <a:off x="10817435" y="6159916"/>
              <a:ext cx="297656" cy="319880"/>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Rectangle 63">
              <a:extLst>
                <a:ext uri="{FF2B5EF4-FFF2-40B4-BE49-F238E27FC236}">
                  <a16:creationId xmlns:a16="http://schemas.microsoft.com/office/drawing/2014/main" id="{5F3BED51-A414-4E5E-B473-936ABFAAFF00}"/>
                </a:ext>
              </a:extLst>
            </p:cNvPr>
            <p:cNvSpPr/>
            <p:nvPr userDrawn="1"/>
          </p:nvSpPr>
          <p:spPr>
            <a:xfrm>
              <a:off x="9740509" y="6067846"/>
              <a:ext cx="394692" cy="12832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65" name="Straight Arrow Connector 64">
              <a:extLst>
                <a:ext uri="{FF2B5EF4-FFF2-40B4-BE49-F238E27FC236}">
                  <a16:creationId xmlns:a16="http://schemas.microsoft.com/office/drawing/2014/main" id="{52D56DFD-1EB2-4796-8662-6C88B05566B5}"/>
                </a:ext>
              </a:extLst>
            </p:cNvPr>
            <p:cNvCxnSpPr>
              <a:cxnSpLocks/>
            </p:cNvCxnSpPr>
            <p:nvPr userDrawn="1"/>
          </p:nvCxnSpPr>
          <p:spPr>
            <a:xfrm>
              <a:off x="10182225" y="6141244"/>
              <a:ext cx="590550" cy="166687"/>
            </a:xfrm>
            <a:prstGeom prst="straightConnector1">
              <a:avLst/>
            </a:prstGeom>
            <a:ln>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61798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Title Slide with Miss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30C3397-10F4-4537-8CF7-55DB5E825A40}"/>
              </a:ext>
            </a:extLst>
          </p:cNvPr>
          <p:cNvSpPr/>
          <p:nvPr userDrawn="1"/>
        </p:nvSpPr>
        <p:spPr>
          <a:xfrm>
            <a:off x="3" y="0"/>
            <a:ext cx="12192000" cy="6858000"/>
          </a:xfrm>
          <a:prstGeom prst="rect">
            <a:avLst/>
          </a:prstGeom>
          <a:solidFill>
            <a:schemeClr val="bg1"/>
          </a:solidFill>
          <a:ln w="12700" cap="rnd" cmpd="sng" algn="ctr">
            <a:solidFill>
              <a:srgbClr val="EAEAEA"/>
            </a:solidFill>
            <a:prstDash val="solid"/>
          </a:ln>
          <a:effectLst/>
        </p:spPr>
        <p:txBody>
          <a:bodyPr rtlCol="0" anchor="ctr"/>
          <a:lstStyle/>
          <a:p>
            <a:pPr algn="ctr"/>
            <a:endParaRPr lang="nl-NL" sz="2400">
              <a:solidFill>
                <a:srgbClr val="5E6A71"/>
              </a:solidFill>
              <a:latin typeface="Myriad for Rabobank Lt" panose="020B0403030403020204" pitchFamily="34" charset="0"/>
            </a:endParaRPr>
          </a:p>
        </p:txBody>
      </p:sp>
      <p:sp>
        <p:nvSpPr>
          <p:cNvPr id="10" name="Tijdelijke aanduiding voor tekst 5">
            <a:extLst>
              <a:ext uri="{FF2B5EF4-FFF2-40B4-BE49-F238E27FC236}">
                <a16:creationId xmlns:a16="http://schemas.microsoft.com/office/drawing/2014/main" id="{09FC33EF-F510-4828-9C46-686A6A5FEE4F}"/>
              </a:ext>
            </a:extLst>
          </p:cNvPr>
          <p:cNvSpPr>
            <a:spLocks noGrp="1"/>
          </p:cNvSpPr>
          <p:nvPr>
            <p:ph type="body" sz="quarter" idx="12" hasCustomPrompt="1"/>
          </p:nvPr>
        </p:nvSpPr>
        <p:spPr>
          <a:xfrm>
            <a:off x="628800" y="6277473"/>
            <a:ext cx="7824000" cy="273600"/>
          </a:xfrm>
        </p:spPr>
        <p:txBody>
          <a:bodyPr tIns="36000" anchor="t" anchorCtr="0"/>
          <a:lstStyle>
            <a:lvl1pPr marL="0" indent="0">
              <a:lnSpc>
                <a:spcPct val="80000"/>
              </a:lnSpc>
              <a:buNone/>
              <a:defRPr sz="1253" b="0" i="0">
                <a:solidFill>
                  <a:schemeClr val="bg1"/>
                </a:solidFill>
                <a:latin typeface="Myriad for Rabobank SBd" panose="020B0603030403020204" pitchFamily="34" charset="0"/>
              </a:defRPr>
            </a:lvl1pPr>
          </a:lstStyle>
          <a:p>
            <a:pPr lvl="0"/>
            <a:r>
              <a:rPr lang="en-US"/>
              <a:t>Datum | Versie / Date | Version</a:t>
            </a:r>
          </a:p>
        </p:txBody>
      </p:sp>
      <p:sp>
        <p:nvSpPr>
          <p:cNvPr id="31" name="Picture Placeholder 30">
            <a:extLst>
              <a:ext uri="{FF2B5EF4-FFF2-40B4-BE49-F238E27FC236}">
                <a16:creationId xmlns:a16="http://schemas.microsoft.com/office/drawing/2014/main" id="{940AEACB-8FC6-4430-84B3-54C7FD39CC9E}"/>
              </a:ext>
            </a:extLst>
          </p:cNvPr>
          <p:cNvSpPr>
            <a:spLocks noGrp="1"/>
          </p:cNvSpPr>
          <p:nvPr>
            <p:ph type="pic" sz="quarter" idx="14"/>
          </p:nvPr>
        </p:nvSpPr>
        <p:spPr>
          <a:xfrm>
            <a:off x="0" y="0"/>
            <a:ext cx="12192000" cy="6858000"/>
          </a:xfrm>
          <a:custGeom>
            <a:avLst/>
            <a:gdLst>
              <a:gd name="connsiteX0" fmla="*/ 6881994 w 9144000"/>
              <a:gd name="connsiteY0" fmla="*/ 3818903 h 5143500"/>
              <a:gd name="connsiteX1" fmla="*/ 6699590 w 9144000"/>
              <a:gd name="connsiteY1" fmla="*/ 4001307 h 5143500"/>
              <a:gd name="connsiteX2" fmla="*/ 6699590 w 9144000"/>
              <a:gd name="connsiteY2" fmla="*/ 4730900 h 5143500"/>
              <a:gd name="connsiteX3" fmla="*/ 6881994 w 9144000"/>
              <a:gd name="connsiteY3" fmla="*/ 4913304 h 5143500"/>
              <a:gd name="connsiteX4" fmla="*/ 7976091 w 9144000"/>
              <a:gd name="connsiteY4" fmla="*/ 4913304 h 5143500"/>
              <a:gd name="connsiteX5" fmla="*/ 7976101 w 9144000"/>
              <a:gd name="connsiteY5" fmla="*/ 4913305 h 5143500"/>
              <a:gd name="connsiteX6" fmla="*/ 8705693 w 9144000"/>
              <a:gd name="connsiteY6" fmla="*/ 4913305 h 5143500"/>
              <a:gd name="connsiteX7" fmla="*/ 8888097 w 9144000"/>
              <a:gd name="connsiteY7" fmla="*/ 4730901 h 5143500"/>
              <a:gd name="connsiteX8" fmla="*/ 8888097 w 9144000"/>
              <a:gd name="connsiteY8" fmla="*/ 4730900 h 5143500"/>
              <a:gd name="connsiteX9" fmla="*/ 8888097 w 9144000"/>
              <a:gd name="connsiteY9" fmla="*/ 4001307 h 5143500"/>
              <a:gd name="connsiteX10" fmla="*/ 8705693 w 9144000"/>
              <a:gd name="connsiteY10" fmla="*/ 3818903 h 5143500"/>
              <a:gd name="connsiteX11" fmla="*/ 7976101 w 9144000"/>
              <a:gd name="connsiteY11" fmla="*/ 3818903 h 5143500"/>
              <a:gd name="connsiteX12" fmla="*/ 0 w 9144000"/>
              <a:gd name="connsiteY12" fmla="*/ 0 h 5143500"/>
              <a:gd name="connsiteX13" fmla="*/ 9144000 w 9144000"/>
              <a:gd name="connsiteY13" fmla="*/ 0 h 5143500"/>
              <a:gd name="connsiteX14" fmla="*/ 9144000 w 9144000"/>
              <a:gd name="connsiteY14" fmla="*/ 5143500 h 5143500"/>
              <a:gd name="connsiteX15" fmla="*/ 0 w 9144000"/>
              <a:gd name="connsiteY15" fmla="*/ 514350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6881994" y="3818903"/>
                </a:moveTo>
                <a:cubicBezTo>
                  <a:pt x="6781255" y="3818903"/>
                  <a:pt x="6699590" y="3900568"/>
                  <a:pt x="6699590" y="4001307"/>
                </a:cubicBezTo>
                <a:lnTo>
                  <a:pt x="6699590" y="4730900"/>
                </a:lnTo>
                <a:cubicBezTo>
                  <a:pt x="6699590" y="4831639"/>
                  <a:pt x="6781255" y="4913304"/>
                  <a:pt x="6881994" y="4913304"/>
                </a:cubicBezTo>
                <a:lnTo>
                  <a:pt x="7976091" y="4913304"/>
                </a:lnTo>
                <a:lnTo>
                  <a:pt x="7976101" y="4913305"/>
                </a:lnTo>
                <a:lnTo>
                  <a:pt x="8705693" y="4913305"/>
                </a:lnTo>
                <a:cubicBezTo>
                  <a:pt x="8806432" y="4913305"/>
                  <a:pt x="8888097" y="4831640"/>
                  <a:pt x="8888097" y="4730901"/>
                </a:cubicBezTo>
                <a:lnTo>
                  <a:pt x="8888097" y="4730900"/>
                </a:lnTo>
                <a:lnTo>
                  <a:pt x="8888097" y="4001307"/>
                </a:lnTo>
                <a:cubicBezTo>
                  <a:pt x="8888097" y="3900568"/>
                  <a:pt x="8806432" y="3818903"/>
                  <a:pt x="8705693" y="3818903"/>
                </a:cubicBezTo>
                <a:lnTo>
                  <a:pt x="7976101" y="3818903"/>
                </a:lnTo>
                <a:close/>
                <a:moveTo>
                  <a:pt x="0" y="0"/>
                </a:moveTo>
                <a:lnTo>
                  <a:pt x="9144000" y="0"/>
                </a:lnTo>
                <a:lnTo>
                  <a:pt x="9144000" y="5143500"/>
                </a:lnTo>
                <a:lnTo>
                  <a:pt x="0" y="5143500"/>
                </a:lnTo>
                <a:close/>
              </a:path>
            </a:pathLst>
          </a:custGeom>
        </p:spPr>
        <p:txBody>
          <a:bodyPr wrap="square">
            <a:noAutofit/>
          </a:bodyPr>
          <a:lstStyle>
            <a:lvl1pPr marL="0" indent="0" algn="ctr">
              <a:buNone/>
              <a:defRPr sz="1600">
                <a:solidFill>
                  <a:schemeClr val="bg1">
                    <a:lumMod val="65000"/>
                  </a:schemeClr>
                </a:solidFill>
              </a:defRPr>
            </a:lvl1pPr>
          </a:lstStyle>
          <a:p>
            <a:endParaRPr lang="nl-NL"/>
          </a:p>
        </p:txBody>
      </p:sp>
      <p:sp>
        <p:nvSpPr>
          <p:cNvPr id="41" name="text" descr="{&quot;templafy&quot;:{&quot;type&quot;:&quot;text&quot;,&quot;binding&quot;:&quot;Translations.Rabo_Title_Slides_Mission&quot;}}" title="Translations.Rabo_Title_Slides_Mission">
            <a:extLst>
              <a:ext uri="{FF2B5EF4-FFF2-40B4-BE49-F238E27FC236}">
                <a16:creationId xmlns:a16="http://schemas.microsoft.com/office/drawing/2014/main" id="{99A3286D-95B3-492B-87C6-DE92D630469A}"/>
              </a:ext>
            </a:extLst>
          </p:cNvPr>
          <p:cNvSpPr/>
          <p:nvPr userDrawn="1"/>
        </p:nvSpPr>
        <p:spPr>
          <a:xfrm>
            <a:off x="0" y="-693262"/>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43" name="text" descr="{&quot;templafy&quot;:{&quot;type&quot;:&quot;text&quot;,&quot;binding&quot;:&quot;Translations.Background_Photo&quot;}}" title="Translations.Background_Photo">
            <a:extLst>
              <a:ext uri="{FF2B5EF4-FFF2-40B4-BE49-F238E27FC236}">
                <a16:creationId xmlns:a16="http://schemas.microsoft.com/office/drawing/2014/main" id="{1A180383-78F5-48A8-A343-2440F36B126F}"/>
              </a:ext>
            </a:extLst>
          </p:cNvPr>
          <p:cNvSpPr/>
          <p:nvPr userDrawn="1"/>
        </p:nvSpPr>
        <p:spPr>
          <a:xfrm>
            <a:off x="0" y="-451916"/>
            <a:ext cx="12192000" cy="338554"/>
          </a:xfrm>
          <a:prstGeom prst="rect">
            <a:avLst/>
          </a:prstGeom>
          <a:noFill/>
          <a:ln w="12700">
            <a:noFill/>
          </a:ln>
        </p:spPr>
        <p:txBody>
          <a:bodyPr wrap="square" lIns="0" rIns="0" rtlCol="0" anchor="b" anchorCtr="0">
            <a:spAutoFit/>
          </a:bodyPr>
          <a:lstStyle/>
          <a:p>
            <a:pPr marL="228589" marR="0" lvl="0" indent="-228589" fontAlgn="auto">
              <a:lnSpc>
                <a:spcPct val="100000"/>
              </a:lnSpc>
              <a:spcBef>
                <a:spcPts val="0"/>
              </a:spcBef>
              <a:spcAft>
                <a:spcPts val="0"/>
              </a:spcAft>
              <a:buClrTx/>
              <a:buSzTx/>
              <a:buFont typeface="Myriad for Rabobank" panose="020B0604020202020204" pitchFamily="34" charset="0"/>
              <a:buChar char="•"/>
              <a:tabLst/>
            </a:pPr>
            <a:endParaRPr lang="nl-NL" sz="1600" i="0">
              <a:solidFill>
                <a:schemeClr val="bg2">
                  <a:lumMod val="50000"/>
                </a:schemeClr>
              </a:solidFill>
              <a:latin typeface="Myriad for Rabobank" panose="020B0503030403020204" pitchFamily="34" charset="0"/>
            </a:endParaRPr>
          </a:p>
        </p:txBody>
      </p:sp>
      <p:sp>
        <p:nvSpPr>
          <p:cNvPr id="11" name="Ondertitel">
            <a:extLst>
              <a:ext uri="{FF2B5EF4-FFF2-40B4-BE49-F238E27FC236}">
                <a16:creationId xmlns:a16="http://schemas.microsoft.com/office/drawing/2014/main" id="{A99F5AFF-E021-435D-87DA-4B020BE8F208}"/>
              </a:ext>
            </a:extLst>
          </p:cNvPr>
          <p:cNvSpPr>
            <a:spLocks noGrp="1"/>
          </p:cNvSpPr>
          <p:nvPr>
            <p:ph type="subTitle" idx="1"/>
          </p:nvPr>
        </p:nvSpPr>
        <p:spPr>
          <a:xfrm>
            <a:off x="3" y="1700464"/>
            <a:ext cx="5601600" cy="715200"/>
          </a:xfrm>
          <a:custGeom>
            <a:avLst/>
            <a:gdLst>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180985 w 4207670"/>
              <a:gd name="connsiteY8" fmla="*/ 173138 h 461138"/>
              <a:gd name="connsiteX9" fmla="*/ 4207670 w 4207670"/>
              <a:gd name="connsiteY9" fmla="*/ 173138 h 461138"/>
              <a:gd name="connsiteX10" fmla="*/ 3977712 w 4207670"/>
              <a:gd name="connsiteY10" fmla="*/ 455287 h 461138"/>
              <a:gd name="connsiteX11" fmla="*/ 3960295 w 4207670"/>
              <a:gd name="connsiteY11" fmla="*/ 457043 h 461138"/>
              <a:gd name="connsiteX12" fmla="*/ 3958936 w 4207670"/>
              <a:gd name="connsiteY12" fmla="*/ 458756 h 461138"/>
              <a:gd name="connsiteX13" fmla="*/ 3958926 w 4207670"/>
              <a:gd name="connsiteY13" fmla="*/ 458757 h 461138"/>
              <a:gd name="connsiteX14" fmla="*/ 3943289 w 4207670"/>
              <a:gd name="connsiteY14" fmla="*/ 458757 h 461138"/>
              <a:gd name="connsiteX15" fmla="*/ 3919670 w 4207670"/>
              <a:gd name="connsiteY15" fmla="*/ 461138 h 461138"/>
              <a:gd name="connsiteX16" fmla="*/ 3919670 w 4207670"/>
              <a:gd name="connsiteY16" fmla="*/ 458757 h 461138"/>
              <a:gd name="connsiteX17" fmla="*/ 0 w 4207670"/>
              <a:gd name="connsiteY17" fmla="*/ 458756 h 461138"/>
              <a:gd name="connsiteX18" fmla="*/ 0 w 4207670"/>
              <a:gd name="connsiteY18" fmla="*/ 229379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181353 w 4207670"/>
              <a:gd name="connsiteY7" fmla="*/ 172615 h 461138"/>
              <a:gd name="connsiteX8" fmla="*/ 4207670 w 4207670"/>
              <a:gd name="connsiteY8" fmla="*/ 173138 h 461138"/>
              <a:gd name="connsiteX9" fmla="*/ 3977712 w 4207670"/>
              <a:gd name="connsiteY9" fmla="*/ 455287 h 461138"/>
              <a:gd name="connsiteX10" fmla="*/ 3960295 w 4207670"/>
              <a:gd name="connsiteY10" fmla="*/ 457043 h 461138"/>
              <a:gd name="connsiteX11" fmla="*/ 3958936 w 4207670"/>
              <a:gd name="connsiteY11" fmla="*/ 458756 h 461138"/>
              <a:gd name="connsiteX12" fmla="*/ 3958926 w 4207670"/>
              <a:gd name="connsiteY12" fmla="*/ 458757 h 461138"/>
              <a:gd name="connsiteX13" fmla="*/ 3943289 w 4207670"/>
              <a:gd name="connsiteY13" fmla="*/ 458757 h 461138"/>
              <a:gd name="connsiteX14" fmla="*/ 3919670 w 4207670"/>
              <a:gd name="connsiteY14" fmla="*/ 461138 h 461138"/>
              <a:gd name="connsiteX15" fmla="*/ 3919670 w 4207670"/>
              <a:gd name="connsiteY15" fmla="*/ 458757 h 461138"/>
              <a:gd name="connsiteX16" fmla="*/ 0 w 4207670"/>
              <a:gd name="connsiteY16" fmla="*/ 458756 h 461138"/>
              <a:gd name="connsiteX17" fmla="*/ 0 w 4207670"/>
              <a:gd name="connsiteY17" fmla="*/ 229379 h 461138"/>
              <a:gd name="connsiteX18" fmla="*/ 0 w 4207670"/>
              <a:gd name="connsiteY18"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77712 w 4207670"/>
              <a:gd name="connsiteY8" fmla="*/ 455287 h 461138"/>
              <a:gd name="connsiteX9" fmla="*/ 3960295 w 4207670"/>
              <a:gd name="connsiteY9" fmla="*/ 457043 h 461138"/>
              <a:gd name="connsiteX10" fmla="*/ 3958936 w 4207670"/>
              <a:gd name="connsiteY10" fmla="*/ 458756 h 461138"/>
              <a:gd name="connsiteX11" fmla="*/ 3958926 w 4207670"/>
              <a:gd name="connsiteY11" fmla="*/ 458757 h 461138"/>
              <a:gd name="connsiteX12" fmla="*/ 3943289 w 4207670"/>
              <a:gd name="connsiteY12" fmla="*/ 458757 h 461138"/>
              <a:gd name="connsiteX13" fmla="*/ 3919670 w 4207670"/>
              <a:gd name="connsiteY13" fmla="*/ 461138 h 461138"/>
              <a:gd name="connsiteX14" fmla="*/ 3919670 w 4207670"/>
              <a:gd name="connsiteY14" fmla="*/ 458757 h 461138"/>
              <a:gd name="connsiteX15" fmla="*/ 0 w 4207670"/>
              <a:gd name="connsiteY15" fmla="*/ 458756 h 461138"/>
              <a:gd name="connsiteX16" fmla="*/ 0 w 4207670"/>
              <a:gd name="connsiteY16" fmla="*/ 229379 h 461138"/>
              <a:gd name="connsiteX17" fmla="*/ 0 w 4207670"/>
              <a:gd name="connsiteY17"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58926 w 4207670"/>
              <a:gd name="connsiteY10" fmla="*/ 458757 h 461138"/>
              <a:gd name="connsiteX11" fmla="*/ 3943289 w 4207670"/>
              <a:gd name="connsiteY11" fmla="*/ 458757 h 461138"/>
              <a:gd name="connsiteX12" fmla="*/ 3919670 w 4207670"/>
              <a:gd name="connsiteY12" fmla="*/ 461138 h 461138"/>
              <a:gd name="connsiteX13" fmla="*/ 3919670 w 4207670"/>
              <a:gd name="connsiteY13" fmla="*/ 458757 h 461138"/>
              <a:gd name="connsiteX14" fmla="*/ 0 w 4207670"/>
              <a:gd name="connsiteY14" fmla="*/ 458756 h 461138"/>
              <a:gd name="connsiteX15" fmla="*/ 0 w 4207670"/>
              <a:gd name="connsiteY15" fmla="*/ 229379 h 461138"/>
              <a:gd name="connsiteX16" fmla="*/ 0 w 4207670"/>
              <a:gd name="connsiteY16"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58936 w 4207670"/>
              <a:gd name="connsiteY9" fmla="*/ 458756 h 461138"/>
              <a:gd name="connsiteX10" fmla="*/ 3943289 w 4207670"/>
              <a:gd name="connsiteY10" fmla="*/ 458757 h 461138"/>
              <a:gd name="connsiteX11" fmla="*/ 3919670 w 4207670"/>
              <a:gd name="connsiteY11" fmla="*/ 461138 h 461138"/>
              <a:gd name="connsiteX12" fmla="*/ 3919670 w 4207670"/>
              <a:gd name="connsiteY12" fmla="*/ 458757 h 461138"/>
              <a:gd name="connsiteX13" fmla="*/ 0 w 4207670"/>
              <a:gd name="connsiteY13" fmla="*/ 458756 h 461138"/>
              <a:gd name="connsiteX14" fmla="*/ 0 w 4207670"/>
              <a:gd name="connsiteY14" fmla="*/ 229379 h 461138"/>
              <a:gd name="connsiteX15" fmla="*/ 0 w 4207670"/>
              <a:gd name="connsiteY15"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60295 w 4207670"/>
              <a:gd name="connsiteY8" fmla="*/ 457043 h 461138"/>
              <a:gd name="connsiteX9" fmla="*/ 3943289 w 4207670"/>
              <a:gd name="connsiteY9" fmla="*/ 458757 h 461138"/>
              <a:gd name="connsiteX10" fmla="*/ 3919670 w 4207670"/>
              <a:gd name="connsiteY10" fmla="*/ 461138 h 461138"/>
              <a:gd name="connsiteX11" fmla="*/ 3919670 w 4207670"/>
              <a:gd name="connsiteY11" fmla="*/ 458757 h 461138"/>
              <a:gd name="connsiteX12" fmla="*/ 0 w 4207670"/>
              <a:gd name="connsiteY12" fmla="*/ 458756 h 461138"/>
              <a:gd name="connsiteX13" fmla="*/ 0 w 4207670"/>
              <a:gd name="connsiteY13" fmla="*/ 229379 h 461138"/>
              <a:gd name="connsiteX14" fmla="*/ 0 w 4207670"/>
              <a:gd name="connsiteY14"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43289 w 4207670"/>
              <a:gd name="connsiteY8" fmla="*/ 458757 h 461138"/>
              <a:gd name="connsiteX9" fmla="*/ 3919670 w 4207670"/>
              <a:gd name="connsiteY9" fmla="*/ 461138 h 461138"/>
              <a:gd name="connsiteX10" fmla="*/ 3919670 w 4207670"/>
              <a:gd name="connsiteY10" fmla="*/ 458757 h 461138"/>
              <a:gd name="connsiteX11" fmla="*/ 0 w 4207670"/>
              <a:gd name="connsiteY11" fmla="*/ 458756 h 461138"/>
              <a:gd name="connsiteX12" fmla="*/ 0 w 4207670"/>
              <a:gd name="connsiteY12" fmla="*/ 229379 h 461138"/>
              <a:gd name="connsiteX13" fmla="*/ 0 w 4207670"/>
              <a:gd name="connsiteY13"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3919670 w 4207670"/>
              <a:gd name="connsiteY9" fmla="*/ 458757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61138"/>
              <a:gd name="connsiteX1" fmla="*/ 245874 w 4207670"/>
              <a:gd name="connsiteY1" fmla="*/ 0 h 461138"/>
              <a:gd name="connsiteX2" fmla="*/ 3919668 w 4207670"/>
              <a:gd name="connsiteY2" fmla="*/ 0 h 461138"/>
              <a:gd name="connsiteX3" fmla="*/ 4004235 w 4207670"/>
              <a:gd name="connsiteY3" fmla="*/ 0 h 461138"/>
              <a:gd name="connsiteX4" fmla="*/ 4204800 w 4207670"/>
              <a:gd name="connsiteY4" fmla="*/ 0 h 461138"/>
              <a:gd name="connsiteX5" fmla="*/ 4207669 w 4207670"/>
              <a:gd name="connsiteY5" fmla="*/ 0 h 461138"/>
              <a:gd name="connsiteX6" fmla="*/ 4207669 w 4207670"/>
              <a:gd name="connsiteY6" fmla="*/ 172615 h 461138"/>
              <a:gd name="connsiteX7" fmla="*/ 4207670 w 4207670"/>
              <a:gd name="connsiteY7" fmla="*/ 173138 h 461138"/>
              <a:gd name="connsiteX8" fmla="*/ 3919670 w 4207670"/>
              <a:gd name="connsiteY8" fmla="*/ 461138 h 461138"/>
              <a:gd name="connsiteX9" fmla="*/ 4086357 w 4207670"/>
              <a:gd name="connsiteY9" fmla="*/ 456376 h 461138"/>
              <a:gd name="connsiteX10" fmla="*/ 0 w 4207670"/>
              <a:gd name="connsiteY10" fmla="*/ 458756 h 461138"/>
              <a:gd name="connsiteX11" fmla="*/ 0 w 4207670"/>
              <a:gd name="connsiteY11" fmla="*/ 229379 h 461138"/>
              <a:gd name="connsiteX12" fmla="*/ 0 w 4207670"/>
              <a:gd name="connsiteY12" fmla="*/ 0 h 461138"/>
              <a:gd name="connsiteX0" fmla="*/ 0 w 4207670"/>
              <a:gd name="connsiteY0" fmla="*/ 0 h 458756"/>
              <a:gd name="connsiteX1" fmla="*/ 245874 w 4207670"/>
              <a:gd name="connsiteY1" fmla="*/ 0 h 458756"/>
              <a:gd name="connsiteX2" fmla="*/ 3919668 w 4207670"/>
              <a:gd name="connsiteY2" fmla="*/ 0 h 458756"/>
              <a:gd name="connsiteX3" fmla="*/ 4004235 w 4207670"/>
              <a:gd name="connsiteY3" fmla="*/ 0 h 458756"/>
              <a:gd name="connsiteX4" fmla="*/ 4204800 w 4207670"/>
              <a:gd name="connsiteY4" fmla="*/ 0 h 458756"/>
              <a:gd name="connsiteX5" fmla="*/ 4207669 w 4207670"/>
              <a:gd name="connsiteY5" fmla="*/ 0 h 458756"/>
              <a:gd name="connsiteX6" fmla="*/ 4207669 w 4207670"/>
              <a:gd name="connsiteY6" fmla="*/ 172615 h 458756"/>
              <a:gd name="connsiteX7" fmla="*/ 4207670 w 4207670"/>
              <a:gd name="connsiteY7" fmla="*/ 173138 h 458756"/>
              <a:gd name="connsiteX8" fmla="*/ 4086357 w 4207670"/>
              <a:gd name="connsiteY8" fmla="*/ 456376 h 458756"/>
              <a:gd name="connsiteX9" fmla="*/ 0 w 4207670"/>
              <a:gd name="connsiteY9" fmla="*/ 458756 h 458756"/>
              <a:gd name="connsiteX10" fmla="*/ 0 w 4207670"/>
              <a:gd name="connsiteY10" fmla="*/ 229379 h 458756"/>
              <a:gd name="connsiteX11" fmla="*/ 0 w 4207670"/>
              <a:gd name="connsiteY11" fmla="*/ 0 h 458756"/>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07670"/>
              <a:gd name="connsiteY0" fmla="*/ 0 h 458757"/>
              <a:gd name="connsiteX1" fmla="*/ 245874 w 4207670"/>
              <a:gd name="connsiteY1" fmla="*/ 0 h 458757"/>
              <a:gd name="connsiteX2" fmla="*/ 3919668 w 4207670"/>
              <a:gd name="connsiteY2" fmla="*/ 0 h 458757"/>
              <a:gd name="connsiteX3" fmla="*/ 4004235 w 4207670"/>
              <a:gd name="connsiteY3" fmla="*/ 0 h 458757"/>
              <a:gd name="connsiteX4" fmla="*/ 4204800 w 4207670"/>
              <a:gd name="connsiteY4" fmla="*/ 0 h 458757"/>
              <a:gd name="connsiteX5" fmla="*/ 4207669 w 4207670"/>
              <a:gd name="connsiteY5" fmla="*/ 0 h 458757"/>
              <a:gd name="connsiteX6" fmla="*/ 4207669 w 4207670"/>
              <a:gd name="connsiteY6" fmla="*/ 172615 h 458757"/>
              <a:gd name="connsiteX7" fmla="*/ 4207670 w 4207670"/>
              <a:gd name="connsiteY7" fmla="*/ 173138 h 458757"/>
              <a:gd name="connsiteX8" fmla="*/ 4086357 w 4207670"/>
              <a:gd name="connsiteY8" fmla="*/ 458757 h 458757"/>
              <a:gd name="connsiteX9" fmla="*/ 0 w 4207670"/>
              <a:gd name="connsiteY9" fmla="*/ 458756 h 458757"/>
              <a:gd name="connsiteX10" fmla="*/ 0 w 4207670"/>
              <a:gd name="connsiteY10" fmla="*/ 229379 h 458757"/>
              <a:gd name="connsiteX11" fmla="*/ 0 w 4207670"/>
              <a:gd name="connsiteY11" fmla="*/ 0 h 458757"/>
              <a:gd name="connsiteX0" fmla="*/ 0 w 4214354"/>
              <a:gd name="connsiteY0" fmla="*/ 0 h 458757"/>
              <a:gd name="connsiteX1" fmla="*/ 245874 w 4214354"/>
              <a:gd name="connsiteY1" fmla="*/ 0 h 458757"/>
              <a:gd name="connsiteX2" fmla="*/ 3919668 w 4214354"/>
              <a:gd name="connsiteY2" fmla="*/ 0 h 458757"/>
              <a:gd name="connsiteX3" fmla="*/ 4004235 w 4214354"/>
              <a:gd name="connsiteY3" fmla="*/ 0 h 458757"/>
              <a:gd name="connsiteX4" fmla="*/ 4204800 w 4214354"/>
              <a:gd name="connsiteY4" fmla="*/ 0 h 458757"/>
              <a:gd name="connsiteX5" fmla="*/ 4207669 w 4214354"/>
              <a:gd name="connsiteY5" fmla="*/ 0 h 458757"/>
              <a:gd name="connsiteX6" fmla="*/ 4207669 w 4214354"/>
              <a:gd name="connsiteY6" fmla="*/ 172615 h 458757"/>
              <a:gd name="connsiteX7" fmla="*/ 4207670 w 4214354"/>
              <a:gd name="connsiteY7" fmla="*/ 173138 h 458757"/>
              <a:gd name="connsiteX8" fmla="*/ 4086357 w 4214354"/>
              <a:gd name="connsiteY8" fmla="*/ 458757 h 458757"/>
              <a:gd name="connsiteX9" fmla="*/ 0 w 4214354"/>
              <a:gd name="connsiteY9" fmla="*/ 458756 h 458757"/>
              <a:gd name="connsiteX10" fmla="*/ 0 w 4214354"/>
              <a:gd name="connsiteY10" fmla="*/ 229379 h 458757"/>
              <a:gd name="connsiteX11" fmla="*/ 0 w 4214354"/>
              <a:gd name="connsiteY11" fmla="*/ 0 h 458757"/>
              <a:gd name="connsiteX0" fmla="*/ 0 w 4217545"/>
              <a:gd name="connsiteY0" fmla="*/ 0 h 458757"/>
              <a:gd name="connsiteX1" fmla="*/ 245874 w 4217545"/>
              <a:gd name="connsiteY1" fmla="*/ 0 h 458757"/>
              <a:gd name="connsiteX2" fmla="*/ 3919668 w 4217545"/>
              <a:gd name="connsiteY2" fmla="*/ 0 h 458757"/>
              <a:gd name="connsiteX3" fmla="*/ 4004235 w 4217545"/>
              <a:gd name="connsiteY3" fmla="*/ 0 h 458757"/>
              <a:gd name="connsiteX4" fmla="*/ 4204800 w 4217545"/>
              <a:gd name="connsiteY4" fmla="*/ 0 h 458757"/>
              <a:gd name="connsiteX5" fmla="*/ 4207669 w 4217545"/>
              <a:gd name="connsiteY5" fmla="*/ 0 h 458757"/>
              <a:gd name="connsiteX6" fmla="*/ 4207669 w 4217545"/>
              <a:gd name="connsiteY6" fmla="*/ 172615 h 458757"/>
              <a:gd name="connsiteX7" fmla="*/ 4212432 w 4217545"/>
              <a:gd name="connsiteY7" fmla="*/ 292201 h 458757"/>
              <a:gd name="connsiteX8" fmla="*/ 4086357 w 4217545"/>
              <a:gd name="connsiteY8" fmla="*/ 458757 h 458757"/>
              <a:gd name="connsiteX9" fmla="*/ 0 w 4217545"/>
              <a:gd name="connsiteY9" fmla="*/ 458756 h 458757"/>
              <a:gd name="connsiteX10" fmla="*/ 0 w 4217545"/>
              <a:gd name="connsiteY10" fmla="*/ 229379 h 458757"/>
              <a:gd name="connsiteX11" fmla="*/ 0 w 4217545"/>
              <a:gd name="connsiteY11" fmla="*/ 0 h 458757"/>
              <a:gd name="connsiteX0" fmla="*/ 0 w 4216499"/>
              <a:gd name="connsiteY0" fmla="*/ 0 h 458757"/>
              <a:gd name="connsiteX1" fmla="*/ 245874 w 4216499"/>
              <a:gd name="connsiteY1" fmla="*/ 0 h 458757"/>
              <a:gd name="connsiteX2" fmla="*/ 3919668 w 4216499"/>
              <a:gd name="connsiteY2" fmla="*/ 0 h 458757"/>
              <a:gd name="connsiteX3" fmla="*/ 4004235 w 4216499"/>
              <a:gd name="connsiteY3" fmla="*/ 0 h 458757"/>
              <a:gd name="connsiteX4" fmla="*/ 4204800 w 4216499"/>
              <a:gd name="connsiteY4" fmla="*/ 0 h 458757"/>
              <a:gd name="connsiteX5" fmla="*/ 4207669 w 4216499"/>
              <a:gd name="connsiteY5" fmla="*/ 0 h 458757"/>
              <a:gd name="connsiteX6" fmla="*/ 4207669 w 4216499"/>
              <a:gd name="connsiteY6" fmla="*/ 172615 h 458757"/>
              <a:gd name="connsiteX7" fmla="*/ 4212432 w 4216499"/>
              <a:gd name="connsiteY7" fmla="*/ 292201 h 458757"/>
              <a:gd name="connsiteX8" fmla="*/ 4086357 w 4216499"/>
              <a:gd name="connsiteY8" fmla="*/ 458757 h 458757"/>
              <a:gd name="connsiteX9" fmla="*/ 0 w 4216499"/>
              <a:gd name="connsiteY9" fmla="*/ 458756 h 458757"/>
              <a:gd name="connsiteX10" fmla="*/ 0 w 4216499"/>
              <a:gd name="connsiteY10" fmla="*/ 229379 h 458757"/>
              <a:gd name="connsiteX11" fmla="*/ 0 w 4216499"/>
              <a:gd name="connsiteY11" fmla="*/ 0 h 458757"/>
              <a:gd name="connsiteX0" fmla="*/ 0 w 4218593"/>
              <a:gd name="connsiteY0" fmla="*/ 0 h 458757"/>
              <a:gd name="connsiteX1" fmla="*/ 245874 w 4218593"/>
              <a:gd name="connsiteY1" fmla="*/ 0 h 458757"/>
              <a:gd name="connsiteX2" fmla="*/ 3919668 w 4218593"/>
              <a:gd name="connsiteY2" fmla="*/ 0 h 458757"/>
              <a:gd name="connsiteX3" fmla="*/ 4004235 w 4218593"/>
              <a:gd name="connsiteY3" fmla="*/ 0 h 458757"/>
              <a:gd name="connsiteX4" fmla="*/ 4204800 w 4218593"/>
              <a:gd name="connsiteY4" fmla="*/ 0 h 458757"/>
              <a:gd name="connsiteX5" fmla="*/ 4207669 w 4218593"/>
              <a:gd name="connsiteY5" fmla="*/ 0 h 458757"/>
              <a:gd name="connsiteX6" fmla="*/ 4207669 w 4218593"/>
              <a:gd name="connsiteY6" fmla="*/ 172615 h 458757"/>
              <a:gd name="connsiteX7" fmla="*/ 4212432 w 4218593"/>
              <a:gd name="connsiteY7" fmla="*/ 292201 h 458757"/>
              <a:gd name="connsiteX8" fmla="*/ 4086357 w 4218593"/>
              <a:gd name="connsiteY8" fmla="*/ 458757 h 458757"/>
              <a:gd name="connsiteX9" fmla="*/ 0 w 4218593"/>
              <a:gd name="connsiteY9" fmla="*/ 458756 h 458757"/>
              <a:gd name="connsiteX10" fmla="*/ 0 w 4218593"/>
              <a:gd name="connsiteY10" fmla="*/ 229379 h 458757"/>
              <a:gd name="connsiteX11" fmla="*/ 0 w 42185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292201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3903"/>
              <a:gd name="connsiteY0" fmla="*/ 0 h 462682"/>
              <a:gd name="connsiteX1" fmla="*/ 245874 w 4213903"/>
              <a:gd name="connsiteY1" fmla="*/ 0 h 462682"/>
              <a:gd name="connsiteX2" fmla="*/ 3919668 w 4213903"/>
              <a:gd name="connsiteY2" fmla="*/ 0 h 462682"/>
              <a:gd name="connsiteX3" fmla="*/ 4004235 w 4213903"/>
              <a:gd name="connsiteY3" fmla="*/ 0 h 462682"/>
              <a:gd name="connsiteX4" fmla="*/ 4204800 w 4213903"/>
              <a:gd name="connsiteY4" fmla="*/ 0 h 462682"/>
              <a:gd name="connsiteX5" fmla="*/ 4207669 w 4213903"/>
              <a:gd name="connsiteY5" fmla="*/ 0 h 462682"/>
              <a:gd name="connsiteX6" fmla="*/ 4207669 w 4213903"/>
              <a:gd name="connsiteY6" fmla="*/ 172615 h 462682"/>
              <a:gd name="connsiteX7" fmla="*/ 4212432 w 4213903"/>
              <a:gd name="connsiteY7" fmla="*/ 320776 h 462682"/>
              <a:gd name="connsiteX8" fmla="*/ 4086357 w 4213903"/>
              <a:gd name="connsiteY8" fmla="*/ 458757 h 462682"/>
              <a:gd name="connsiteX9" fmla="*/ 0 w 4213903"/>
              <a:gd name="connsiteY9" fmla="*/ 458756 h 462682"/>
              <a:gd name="connsiteX10" fmla="*/ 0 w 4213903"/>
              <a:gd name="connsiteY10" fmla="*/ 229379 h 462682"/>
              <a:gd name="connsiteX11" fmla="*/ 0 w 4213903"/>
              <a:gd name="connsiteY11" fmla="*/ 0 h 462682"/>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07669 w 4213903"/>
              <a:gd name="connsiteY6" fmla="*/ 172615 h 458757"/>
              <a:gd name="connsiteX7" fmla="*/ 4212432 w 4213903"/>
              <a:gd name="connsiteY7" fmla="*/ 320776 h 458757"/>
              <a:gd name="connsiteX8" fmla="*/ 4086357 w 4213903"/>
              <a:gd name="connsiteY8" fmla="*/ 458757 h 458757"/>
              <a:gd name="connsiteX9" fmla="*/ 0 w 4213903"/>
              <a:gd name="connsiteY9" fmla="*/ 458756 h 458757"/>
              <a:gd name="connsiteX10" fmla="*/ 0 w 4213903"/>
              <a:gd name="connsiteY10" fmla="*/ 229379 h 458757"/>
              <a:gd name="connsiteX11" fmla="*/ 0 w 4213903"/>
              <a:gd name="connsiteY11" fmla="*/ 0 h 458757"/>
              <a:gd name="connsiteX0" fmla="*/ 0 w 4214812"/>
              <a:gd name="connsiteY0" fmla="*/ 0 h 458757"/>
              <a:gd name="connsiteX1" fmla="*/ 245874 w 4214812"/>
              <a:gd name="connsiteY1" fmla="*/ 0 h 458757"/>
              <a:gd name="connsiteX2" fmla="*/ 3919668 w 4214812"/>
              <a:gd name="connsiteY2" fmla="*/ 0 h 458757"/>
              <a:gd name="connsiteX3" fmla="*/ 4004235 w 4214812"/>
              <a:gd name="connsiteY3" fmla="*/ 0 h 458757"/>
              <a:gd name="connsiteX4" fmla="*/ 4204800 w 4214812"/>
              <a:gd name="connsiteY4" fmla="*/ 0 h 458757"/>
              <a:gd name="connsiteX5" fmla="*/ 4207669 w 4214812"/>
              <a:gd name="connsiteY5" fmla="*/ 0 h 458757"/>
              <a:gd name="connsiteX6" fmla="*/ 4214812 w 4214812"/>
              <a:gd name="connsiteY6" fmla="*/ 70221 h 458757"/>
              <a:gd name="connsiteX7" fmla="*/ 4212432 w 4214812"/>
              <a:gd name="connsiteY7" fmla="*/ 320776 h 458757"/>
              <a:gd name="connsiteX8" fmla="*/ 4086357 w 4214812"/>
              <a:gd name="connsiteY8" fmla="*/ 458757 h 458757"/>
              <a:gd name="connsiteX9" fmla="*/ 0 w 4214812"/>
              <a:gd name="connsiteY9" fmla="*/ 458756 h 458757"/>
              <a:gd name="connsiteX10" fmla="*/ 0 w 4214812"/>
              <a:gd name="connsiteY10" fmla="*/ 229379 h 458757"/>
              <a:gd name="connsiteX11" fmla="*/ 0 w 4214812"/>
              <a:gd name="connsiteY11" fmla="*/ 0 h 458757"/>
              <a:gd name="connsiteX0" fmla="*/ 0 w 4255293"/>
              <a:gd name="connsiteY0" fmla="*/ 0 h 458757"/>
              <a:gd name="connsiteX1" fmla="*/ 245874 w 4255293"/>
              <a:gd name="connsiteY1" fmla="*/ 0 h 458757"/>
              <a:gd name="connsiteX2" fmla="*/ 3919668 w 4255293"/>
              <a:gd name="connsiteY2" fmla="*/ 0 h 458757"/>
              <a:gd name="connsiteX3" fmla="*/ 4004235 w 4255293"/>
              <a:gd name="connsiteY3" fmla="*/ 0 h 458757"/>
              <a:gd name="connsiteX4" fmla="*/ 4204800 w 4255293"/>
              <a:gd name="connsiteY4" fmla="*/ 0 h 458757"/>
              <a:gd name="connsiteX5" fmla="*/ 4207669 w 4255293"/>
              <a:gd name="connsiteY5" fmla="*/ 0 h 458757"/>
              <a:gd name="connsiteX6" fmla="*/ 4255293 w 4255293"/>
              <a:gd name="connsiteY6" fmla="*/ 117846 h 458757"/>
              <a:gd name="connsiteX7" fmla="*/ 4212432 w 4255293"/>
              <a:gd name="connsiteY7" fmla="*/ 320776 h 458757"/>
              <a:gd name="connsiteX8" fmla="*/ 4086357 w 4255293"/>
              <a:gd name="connsiteY8" fmla="*/ 458757 h 458757"/>
              <a:gd name="connsiteX9" fmla="*/ 0 w 4255293"/>
              <a:gd name="connsiteY9" fmla="*/ 458756 h 458757"/>
              <a:gd name="connsiteX10" fmla="*/ 0 w 4255293"/>
              <a:gd name="connsiteY10" fmla="*/ 229379 h 458757"/>
              <a:gd name="connsiteX11" fmla="*/ 0 w 4255293"/>
              <a:gd name="connsiteY11" fmla="*/ 0 h 458757"/>
              <a:gd name="connsiteX0" fmla="*/ 0 w 4213903"/>
              <a:gd name="connsiteY0" fmla="*/ 0 h 458757"/>
              <a:gd name="connsiteX1" fmla="*/ 245874 w 4213903"/>
              <a:gd name="connsiteY1" fmla="*/ 0 h 458757"/>
              <a:gd name="connsiteX2" fmla="*/ 3919668 w 4213903"/>
              <a:gd name="connsiteY2" fmla="*/ 0 h 458757"/>
              <a:gd name="connsiteX3" fmla="*/ 4004235 w 4213903"/>
              <a:gd name="connsiteY3" fmla="*/ 0 h 458757"/>
              <a:gd name="connsiteX4" fmla="*/ 4204800 w 4213903"/>
              <a:gd name="connsiteY4" fmla="*/ 0 h 458757"/>
              <a:gd name="connsiteX5" fmla="*/ 4207669 w 4213903"/>
              <a:gd name="connsiteY5" fmla="*/ 0 h 458757"/>
              <a:gd name="connsiteX6" fmla="*/ 4212432 w 4213903"/>
              <a:gd name="connsiteY6" fmla="*/ 320776 h 458757"/>
              <a:gd name="connsiteX7" fmla="*/ 4086357 w 4213903"/>
              <a:gd name="connsiteY7" fmla="*/ 458757 h 458757"/>
              <a:gd name="connsiteX8" fmla="*/ 0 w 4213903"/>
              <a:gd name="connsiteY8" fmla="*/ 458756 h 458757"/>
              <a:gd name="connsiteX9" fmla="*/ 0 w 4213903"/>
              <a:gd name="connsiteY9" fmla="*/ 229379 h 458757"/>
              <a:gd name="connsiteX10" fmla="*/ 0 w 4213903"/>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7205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757"/>
              <a:gd name="connsiteX1" fmla="*/ 245874 w 4212432"/>
              <a:gd name="connsiteY1" fmla="*/ 0 h 458757"/>
              <a:gd name="connsiteX2" fmla="*/ 3919668 w 4212432"/>
              <a:gd name="connsiteY2" fmla="*/ 0 h 458757"/>
              <a:gd name="connsiteX3" fmla="*/ 4004235 w 4212432"/>
              <a:gd name="connsiteY3" fmla="*/ 0 h 458757"/>
              <a:gd name="connsiteX4" fmla="*/ 4204800 w 4212432"/>
              <a:gd name="connsiteY4" fmla="*/ 0 h 458757"/>
              <a:gd name="connsiteX5" fmla="*/ 4207669 w 4212432"/>
              <a:gd name="connsiteY5" fmla="*/ 0 h 458757"/>
              <a:gd name="connsiteX6" fmla="*/ 4212432 w 4212432"/>
              <a:gd name="connsiteY6" fmla="*/ 320776 h 458757"/>
              <a:gd name="connsiteX7" fmla="*/ 3914907 w 4212432"/>
              <a:gd name="connsiteY7" fmla="*/ 458757 h 458757"/>
              <a:gd name="connsiteX8" fmla="*/ 0 w 4212432"/>
              <a:gd name="connsiteY8" fmla="*/ 458756 h 458757"/>
              <a:gd name="connsiteX9" fmla="*/ 0 w 4212432"/>
              <a:gd name="connsiteY9" fmla="*/ 229379 h 458757"/>
              <a:gd name="connsiteX10" fmla="*/ 0 w 4212432"/>
              <a:gd name="connsiteY10" fmla="*/ 0 h 458757"/>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4907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38720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12432"/>
              <a:gd name="connsiteY0" fmla="*/ 0 h 458896"/>
              <a:gd name="connsiteX1" fmla="*/ 245874 w 4212432"/>
              <a:gd name="connsiteY1" fmla="*/ 0 h 458896"/>
              <a:gd name="connsiteX2" fmla="*/ 3919668 w 4212432"/>
              <a:gd name="connsiteY2" fmla="*/ 0 h 458896"/>
              <a:gd name="connsiteX3" fmla="*/ 4004235 w 4212432"/>
              <a:gd name="connsiteY3" fmla="*/ 0 h 458896"/>
              <a:gd name="connsiteX4" fmla="*/ 4204800 w 4212432"/>
              <a:gd name="connsiteY4" fmla="*/ 0 h 458896"/>
              <a:gd name="connsiteX5" fmla="*/ 4207669 w 4212432"/>
              <a:gd name="connsiteY5" fmla="*/ 0 h 458896"/>
              <a:gd name="connsiteX6" fmla="*/ 4212432 w 4212432"/>
              <a:gd name="connsiteY6" fmla="*/ 320776 h 458896"/>
              <a:gd name="connsiteX7" fmla="*/ 3912526 w 4212432"/>
              <a:gd name="connsiteY7" fmla="*/ 458757 h 458896"/>
              <a:gd name="connsiteX8" fmla="*/ 0 w 4212432"/>
              <a:gd name="connsiteY8" fmla="*/ 458756 h 458896"/>
              <a:gd name="connsiteX9" fmla="*/ 0 w 4212432"/>
              <a:gd name="connsiteY9" fmla="*/ 229379 h 458896"/>
              <a:gd name="connsiteX10" fmla="*/ 0 w 4212432"/>
              <a:gd name="connsiteY10" fmla="*/ 0 h 458896"/>
              <a:gd name="connsiteX0" fmla="*/ 0 w 4208127"/>
              <a:gd name="connsiteY0" fmla="*/ 0 h 459153"/>
              <a:gd name="connsiteX1" fmla="*/ 245874 w 4208127"/>
              <a:gd name="connsiteY1" fmla="*/ 0 h 459153"/>
              <a:gd name="connsiteX2" fmla="*/ 3919668 w 4208127"/>
              <a:gd name="connsiteY2" fmla="*/ 0 h 459153"/>
              <a:gd name="connsiteX3" fmla="*/ 4004235 w 4208127"/>
              <a:gd name="connsiteY3" fmla="*/ 0 h 459153"/>
              <a:gd name="connsiteX4" fmla="*/ 4204800 w 4208127"/>
              <a:gd name="connsiteY4" fmla="*/ 0 h 459153"/>
              <a:gd name="connsiteX5" fmla="*/ 4207669 w 4208127"/>
              <a:gd name="connsiteY5" fmla="*/ 0 h 459153"/>
              <a:gd name="connsiteX6" fmla="*/ 4207670 w 4208127"/>
              <a:gd name="connsiteY6" fmla="*/ 325539 h 459153"/>
              <a:gd name="connsiteX7" fmla="*/ 3912526 w 4208127"/>
              <a:gd name="connsiteY7" fmla="*/ 458757 h 459153"/>
              <a:gd name="connsiteX8" fmla="*/ 0 w 4208127"/>
              <a:gd name="connsiteY8" fmla="*/ 458756 h 459153"/>
              <a:gd name="connsiteX9" fmla="*/ 0 w 4208127"/>
              <a:gd name="connsiteY9" fmla="*/ 229379 h 459153"/>
              <a:gd name="connsiteX10" fmla="*/ 0 w 4208127"/>
              <a:gd name="connsiteY10" fmla="*/ 0 h 459153"/>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004235 w 4212432"/>
              <a:gd name="connsiteY3" fmla="*/ 0 h 459346"/>
              <a:gd name="connsiteX4" fmla="*/ 4204800 w 4212432"/>
              <a:gd name="connsiteY4" fmla="*/ 0 h 459346"/>
              <a:gd name="connsiteX5" fmla="*/ 4207669 w 4212432"/>
              <a:gd name="connsiteY5" fmla="*/ 0 h 459346"/>
              <a:gd name="connsiteX6" fmla="*/ 4212432 w 4212432"/>
              <a:gd name="connsiteY6" fmla="*/ 327921 h 459346"/>
              <a:gd name="connsiteX7" fmla="*/ 3912526 w 4212432"/>
              <a:gd name="connsiteY7" fmla="*/ 458757 h 459346"/>
              <a:gd name="connsiteX8" fmla="*/ 0 w 4212432"/>
              <a:gd name="connsiteY8" fmla="*/ 458756 h 459346"/>
              <a:gd name="connsiteX9" fmla="*/ 0 w 4212432"/>
              <a:gd name="connsiteY9" fmla="*/ 229379 h 459346"/>
              <a:gd name="connsiteX10" fmla="*/ 0 w 4212432"/>
              <a:gd name="connsiteY10" fmla="*/ 0 h 459346"/>
              <a:gd name="connsiteX0" fmla="*/ 0 w 4212432"/>
              <a:gd name="connsiteY0" fmla="*/ 0 h 459346"/>
              <a:gd name="connsiteX1" fmla="*/ 245874 w 4212432"/>
              <a:gd name="connsiteY1" fmla="*/ 0 h 459346"/>
              <a:gd name="connsiteX2" fmla="*/ 3919668 w 4212432"/>
              <a:gd name="connsiteY2" fmla="*/ 0 h 459346"/>
              <a:gd name="connsiteX3" fmla="*/ 4204800 w 4212432"/>
              <a:gd name="connsiteY3" fmla="*/ 0 h 459346"/>
              <a:gd name="connsiteX4" fmla="*/ 4207669 w 4212432"/>
              <a:gd name="connsiteY4" fmla="*/ 0 h 459346"/>
              <a:gd name="connsiteX5" fmla="*/ 4212432 w 4212432"/>
              <a:gd name="connsiteY5" fmla="*/ 327921 h 459346"/>
              <a:gd name="connsiteX6" fmla="*/ 3912526 w 4212432"/>
              <a:gd name="connsiteY6" fmla="*/ 458757 h 459346"/>
              <a:gd name="connsiteX7" fmla="*/ 0 w 4212432"/>
              <a:gd name="connsiteY7" fmla="*/ 458756 h 459346"/>
              <a:gd name="connsiteX8" fmla="*/ 0 w 4212432"/>
              <a:gd name="connsiteY8" fmla="*/ 229379 h 459346"/>
              <a:gd name="connsiteX9" fmla="*/ 0 w 4212432"/>
              <a:gd name="connsiteY9" fmla="*/ 0 h 459346"/>
              <a:gd name="connsiteX0" fmla="*/ 0 w 4212432"/>
              <a:gd name="connsiteY0" fmla="*/ 0 h 459346"/>
              <a:gd name="connsiteX1" fmla="*/ 245874 w 4212432"/>
              <a:gd name="connsiteY1" fmla="*/ 0 h 459346"/>
              <a:gd name="connsiteX2" fmla="*/ 4204800 w 4212432"/>
              <a:gd name="connsiteY2" fmla="*/ 0 h 459346"/>
              <a:gd name="connsiteX3" fmla="*/ 4207669 w 4212432"/>
              <a:gd name="connsiteY3" fmla="*/ 0 h 459346"/>
              <a:gd name="connsiteX4" fmla="*/ 4212432 w 4212432"/>
              <a:gd name="connsiteY4" fmla="*/ 327921 h 459346"/>
              <a:gd name="connsiteX5" fmla="*/ 3912526 w 4212432"/>
              <a:gd name="connsiteY5" fmla="*/ 458757 h 459346"/>
              <a:gd name="connsiteX6" fmla="*/ 0 w 4212432"/>
              <a:gd name="connsiteY6" fmla="*/ 458756 h 459346"/>
              <a:gd name="connsiteX7" fmla="*/ 0 w 4212432"/>
              <a:gd name="connsiteY7" fmla="*/ 229379 h 459346"/>
              <a:gd name="connsiteX8" fmla="*/ 0 w 4212432"/>
              <a:gd name="connsiteY8" fmla="*/ 0 h 459346"/>
              <a:gd name="connsiteX0" fmla="*/ 0 w 4212432"/>
              <a:gd name="connsiteY0" fmla="*/ 0 h 459346"/>
              <a:gd name="connsiteX1" fmla="*/ 245874 w 4212432"/>
              <a:gd name="connsiteY1" fmla="*/ 0 h 459346"/>
              <a:gd name="connsiteX2" fmla="*/ 4204800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9346"/>
              <a:gd name="connsiteX1" fmla="*/ 245874 w 4212432"/>
              <a:gd name="connsiteY1" fmla="*/ 0 h 459346"/>
              <a:gd name="connsiteX2" fmla="*/ 4209575 w 4212432"/>
              <a:gd name="connsiteY2" fmla="*/ 2381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28712"/>
              <a:gd name="connsiteY0" fmla="*/ 0 h 459346"/>
              <a:gd name="connsiteX1" fmla="*/ 245874 w 4228712"/>
              <a:gd name="connsiteY1" fmla="*/ 0 h 459346"/>
              <a:gd name="connsiteX2" fmla="*/ 4228676 w 4228712"/>
              <a:gd name="connsiteY2" fmla="*/ 2381 h 459346"/>
              <a:gd name="connsiteX3" fmla="*/ 4212432 w 4228712"/>
              <a:gd name="connsiteY3" fmla="*/ 327921 h 459346"/>
              <a:gd name="connsiteX4" fmla="*/ 3912526 w 4228712"/>
              <a:gd name="connsiteY4" fmla="*/ 458757 h 459346"/>
              <a:gd name="connsiteX5" fmla="*/ 0 w 4228712"/>
              <a:gd name="connsiteY5" fmla="*/ 458756 h 459346"/>
              <a:gd name="connsiteX6" fmla="*/ 0 w 4228712"/>
              <a:gd name="connsiteY6" fmla="*/ 229379 h 459346"/>
              <a:gd name="connsiteX7" fmla="*/ 0 w 4228712"/>
              <a:gd name="connsiteY7" fmla="*/ 0 h 459346"/>
              <a:gd name="connsiteX0" fmla="*/ 0 w 4212432"/>
              <a:gd name="connsiteY0" fmla="*/ 0 h 459346"/>
              <a:gd name="connsiteX1" fmla="*/ 245874 w 4212432"/>
              <a:gd name="connsiteY1" fmla="*/ 0 h 459346"/>
              <a:gd name="connsiteX2" fmla="*/ 4211962 w 4212432"/>
              <a:gd name="connsiteY2" fmla="*/ 0 h 459346"/>
              <a:gd name="connsiteX3" fmla="*/ 4212432 w 4212432"/>
              <a:gd name="connsiteY3" fmla="*/ 327921 h 459346"/>
              <a:gd name="connsiteX4" fmla="*/ 3912526 w 4212432"/>
              <a:gd name="connsiteY4" fmla="*/ 458757 h 459346"/>
              <a:gd name="connsiteX5" fmla="*/ 0 w 4212432"/>
              <a:gd name="connsiteY5" fmla="*/ 458756 h 459346"/>
              <a:gd name="connsiteX6" fmla="*/ 0 w 4212432"/>
              <a:gd name="connsiteY6" fmla="*/ 229379 h 459346"/>
              <a:gd name="connsiteX7" fmla="*/ 0 w 4212432"/>
              <a:gd name="connsiteY7" fmla="*/ 0 h 45934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1 h 458757"/>
              <a:gd name="connsiteX4" fmla="*/ 3912526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879"/>
              <a:gd name="connsiteX1" fmla="*/ 245874 w 4212432"/>
              <a:gd name="connsiteY1" fmla="*/ 0 h 458879"/>
              <a:gd name="connsiteX2" fmla="*/ 4211962 w 4212432"/>
              <a:gd name="connsiteY2" fmla="*/ 0 h 458879"/>
              <a:gd name="connsiteX3" fmla="*/ 4212432 w 4212432"/>
              <a:gd name="connsiteY3" fmla="*/ 308871 h 458879"/>
              <a:gd name="connsiteX4" fmla="*/ 3912526 w 4212432"/>
              <a:gd name="connsiteY4" fmla="*/ 458757 h 458879"/>
              <a:gd name="connsiteX5" fmla="*/ 0 w 4212432"/>
              <a:gd name="connsiteY5" fmla="*/ 458756 h 458879"/>
              <a:gd name="connsiteX6" fmla="*/ 0 w 4212432"/>
              <a:gd name="connsiteY6" fmla="*/ 229379 h 458879"/>
              <a:gd name="connsiteX7" fmla="*/ 0 w 4212432"/>
              <a:gd name="connsiteY7" fmla="*/ 0 h 458879"/>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308871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6"/>
              <a:gd name="connsiteX1" fmla="*/ 245874 w 4212432"/>
              <a:gd name="connsiteY1" fmla="*/ 0 h 458756"/>
              <a:gd name="connsiteX2" fmla="*/ 4211962 w 4212432"/>
              <a:gd name="connsiteY2" fmla="*/ 0 h 458756"/>
              <a:gd name="connsiteX3" fmla="*/ 4212432 w 4212432"/>
              <a:gd name="connsiteY3" fmla="*/ 287440 h 458756"/>
              <a:gd name="connsiteX4" fmla="*/ 3926852 w 4212432"/>
              <a:gd name="connsiteY4" fmla="*/ 456376 h 458756"/>
              <a:gd name="connsiteX5" fmla="*/ 0 w 4212432"/>
              <a:gd name="connsiteY5" fmla="*/ 458756 h 458756"/>
              <a:gd name="connsiteX6" fmla="*/ 0 w 4212432"/>
              <a:gd name="connsiteY6" fmla="*/ 229379 h 458756"/>
              <a:gd name="connsiteX7" fmla="*/ 0 w 4212432"/>
              <a:gd name="connsiteY7" fmla="*/ 0 h 458756"/>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287440 h 458757"/>
              <a:gd name="connsiteX4" fmla="*/ 3969829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65017 h 523774"/>
              <a:gd name="connsiteX1" fmla="*/ 245874 w 4212432"/>
              <a:gd name="connsiteY1" fmla="*/ 65017 h 523774"/>
              <a:gd name="connsiteX2" fmla="*/ 4211962 w 4212432"/>
              <a:gd name="connsiteY2" fmla="*/ 65017 h 523774"/>
              <a:gd name="connsiteX3" fmla="*/ 4212432 w 4212432"/>
              <a:gd name="connsiteY3" fmla="*/ 352457 h 523774"/>
              <a:gd name="connsiteX4" fmla="*/ 3969829 w 4212432"/>
              <a:gd name="connsiteY4" fmla="*/ 523774 h 523774"/>
              <a:gd name="connsiteX5" fmla="*/ 0 w 4212432"/>
              <a:gd name="connsiteY5" fmla="*/ 523773 h 523774"/>
              <a:gd name="connsiteX6" fmla="*/ 0 w 4212432"/>
              <a:gd name="connsiteY6" fmla="*/ 294396 h 523774"/>
              <a:gd name="connsiteX7" fmla="*/ 0 w 4212432"/>
              <a:gd name="connsiteY7" fmla="*/ 65017 h 523774"/>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432"/>
              <a:gd name="connsiteY0" fmla="*/ 65017 h 526156"/>
              <a:gd name="connsiteX1" fmla="*/ 245874 w 4212432"/>
              <a:gd name="connsiteY1" fmla="*/ 65017 h 526156"/>
              <a:gd name="connsiteX2" fmla="*/ 4211962 w 4212432"/>
              <a:gd name="connsiteY2" fmla="*/ 65017 h 526156"/>
              <a:gd name="connsiteX3" fmla="*/ 4212432 w 4212432"/>
              <a:gd name="connsiteY3" fmla="*/ 352457 h 526156"/>
              <a:gd name="connsiteX4" fmla="*/ 3969829 w 4212432"/>
              <a:gd name="connsiteY4" fmla="*/ 523774 h 526156"/>
              <a:gd name="connsiteX5" fmla="*/ 0 w 4212432"/>
              <a:gd name="connsiteY5" fmla="*/ 523773 h 526156"/>
              <a:gd name="connsiteX6" fmla="*/ 0 w 4212432"/>
              <a:gd name="connsiteY6" fmla="*/ 294396 h 526156"/>
              <a:gd name="connsiteX7" fmla="*/ 0 w 4212432"/>
              <a:gd name="connsiteY7" fmla="*/ 65017 h 526156"/>
              <a:gd name="connsiteX0" fmla="*/ 0 w 4212783"/>
              <a:gd name="connsiteY0" fmla="*/ 65017 h 526518"/>
              <a:gd name="connsiteX1" fmla="*/ 245874 w 4212783"/>
              <a:gd name="connsiteY1" fmla="*/ 65017 h 526518"/>
              <a:gd name="connsiteX2" fmla="*/ 4211962 w 4212783"/>
              <a:gd name="connsiteY2" fmla="*/ 65017 h 526518"/>
              <a:gd name="connsiteX3" fmla="*/ 4212432 w 4212783"/>
              <a:gd name="connsiteY3" fmla="*/ 352457 h 526518"/>
              <a:gd name="connsiteX4" fmla="*/ 3969829 w 4212783"/>
              <a:gd name="connsiteY4" fmla="*/ 523774 h 526518"/>
              <a:gd name="connsiteX5" fmla="*/ 0 w 4212783"/>
              <a:gd name="connsiteY5" fmla="*/ 523773 h 526518"/>
              <a:gd name="connsiteX6" fmla="*/ 0 w 4212783"/>
              <a:gd name="connsiteY6" fmla="*/ 294396 h 526518"/>
              <a:gd name="connsiteX7" fmla="*/ 0 w 4212783"/>
              <a:gd name="connsiteY7" fmla="*/ 65017 h 526518"/>
              <a:gd name="connsiteX0" fmla="*/ 0 w 4212806"/>
              <a:gd name="connsiteY0" fmla="*/ 65017 h 526518"/>
              <a:gd name="connsiteX1" fmla="*/ 245874 w 4212806"/>
              <a:gd name="connsiteY1" fmla="*/ 65017 h 526518"/>
              <a:gd name="connsiteX2" fmla="*/ 4211962 w 4212806"/>
              <a:gd name="connsiteY2" fmla="*/ 65017 h 526518"/>
              <a:gd name="connsiteX3" fmla="*/ 4212432 w 4212806"/>
              <a:gd name="connsiteY3" fmla="*/ 352457 h 526518"/>
              <a:gd name="connsiteX4" fmla="*/ 3976992 w 4212806"/>
              <a:gd name="connsiteY4" fmla="*/ 523774 h 526518"/>
              <a:gd name="connsiteX5" fmla="*/ 0 w 4212806"/>
              <a:gd name="connsiteY5" fmla="*/ 523773 h 526518"/>
              <a:gd name="connsiteX6" fmla="*/ 0 w 4212806"/>
              <a:gd name="connsiteY6" fmla="*/ 294396 h 526518"/>
              <a:gd name="connsiteX7" fmla="*/ 0 w 4212806"/>
              <a:gd name="connsiteY7" fmla="*/ 65017 h 526518"/>
              <a:gd name="connsiteX0" fmla="*/ 0 w 4212707"/>
              <a:gd name="connsiteY0" fmla="*/ 65017 h 526518"/>
              <a:gd name="connsiteX1" fmla="*/ 245874 w 4212707"/>
              <a:gd name="connsiteY1" fmla="*/ 65017 h 526518"/>
              <a:gd name="connsiteX2" fmla="*/ 4211962 w 4212707"/>
              <a:gd name="connsiteY2" fmla="*/ 65017 h 526518"/>
              <a:gd name="connsiteX3" fmla="*/ 4212432 w 4212707"/>
              <a:gd name="connsiteY3" fmla="*/ 352457 h 526518"/>
              <a:gd name="connsiteX4" fmla="*/ 3976992 w 4212707"/>
              <a:gd name="connsiteY4" fmla="*/ 523774 h 526518"/>
              <a:gd name="connsiteX5" fmla="*/ 0 w 4212707"/>
              <a:gd name="connsiteY5" fmla="*/ 523773 h 526518"/>
              <a:gd name="connsiteX6" fmla="*/ 0 w 4212707"/>
              <a:gd name="connsiteY6" fmla="*/ 294396 h 526518"/>
              <a:gd name="connsiteX7" fmla="*/ 0 w 4212707"/>
              <a:gd name="connsiteY7" fmla="*/ 65017 h 526518"/>
              <a:gd name="connsiteX0" fmla="*/ 0 w 4212432"/>
              <a:gd name="connsiteY0" fmla="*/ 65017 h 527310"/>
              <a:gd name="connsiteX1" fmla="*/ 245874 w 4212432"/>
              <a:gd name="connsiteY1" fmla="*/ 65017 h 527310"/>
              <a:gd name="connsiteX2" fmla="*/ 4211962 w 4212432"/>
              <a:gd name="connsiteY2" fmla="*/ 65017 h 527310"/>
              <a:gd name="connsiteX3" fmla="*/ 4212432 w 4212432"/>
              <a:gd name="connsiteY3" fmla="*/ 352457 h 527310"/>
              <a:gd name="connsiteX4" fmla="*/ 3976992 w 4212432"/>
              <a:gd name="connsiteY4" fmla="*/ 523774 h 527310"/>
              <a:gd name="connsiteX5" fmla="*/ 0 w 4212432"/>
              <a:gd name="connsiteY5" fmla="*/ 523773 h 527310"/>
              <a:gd name="connsiteX6" fmla="*/ 0 w 4212432"/>
              <a:gd name="connsiteY6" fmla="*/ 294396 h 527310"/>
              <a:gd name="connsiteX7" fmla="*/ 0 w 4212432"/>
              <a:gd name="connsiteY7" fmla="*/ 65017 h 527310"/>
              <a:gd name="connsiteX0" fmla="*/ 0 w 4212432"/>
              <a:gd name="connsiteY0" fmla="*/ 254931 h 717224"/>
              <a:gd name="connsiteX1" fmla="*/ 245874 w 4212432"/>
              <a:gd name="connsiteY1" fmla="*/ 254931 h 717224"/>
              <a:gd name="connsiteX2" fmla="*/ 4211962 w 4212432"/>
              <a:gd name="connsiteY2" fmla="*/ 254931 h 717224"/>
              <a:gd name="connsiteX3" fmla="*/ 4212432 w 4212432"/>
              <a:gd name="connsiteY3" fmla="*/ 542371 h 717224"/>
              <a:gd name="connsiteX4" fmla="*/ 3976992 w 4212432"/>
              <a:gd name="connsiteY4" fmla="*/ 713688 h 717224"/>
              <a:gd name="connsiteX5" fmla="*/ 0 w 4212432"/>
              <a:gd name="connsiteY5" fmla="*/ 713687 h 717224"/>
              <a:gd name="connsiteX6" fmla="*/ 0 w 4212432"/>
              <a:gd name="connsiteY6" fmla="*/ 484310 h 717224"/>
              <a:gd name="connsiteX7" fmla="*/ 0 w 4212432"/>
              <a:gd name="connsiteY7" fmla="*/ 254931 h 717224"/>
              <a:gd name="connsiteX0" fmla="*/ 0 w 4212432"/>
              <a:gd name="connsiteY0" fmla="*/ 254931 h 714629"/>
              <a:gd name="connsiteX1" fmla="*/ 245874 w 4212432"/>
              <a:gd name="connsiteY1" fmla="*/ 254931 h 714629"/>
              <a:gd name="connsiteX2" fmla="*/ 4211962 w 4212432"/>
              <a:gd name="connsiteY2" fmla="*/ 254931 h 714629"/>
              <a:gd name="connsiteX3" fmla="*/ 4212432 w 4212432"/>
              <a:gd name="connsiteY3" fmla="*/ 542371 h 714629"/>
              <a:gd name="connsiteX4" fmla="*/ 3976992 w 4212432"/>
              <a:gd name="connsiteY4" fmla="*/ 713688 h 714629"/>
              <a:gd name="connsiteX5" fmla="*/ 0 w 4212432"/>
              <a:gd name="connsiteY5" fmla="*/ 713687 h 714629"/>
              <a:gd name="connsiteX6" fmla="*/ 0 w 4212432"/>
              <a:gd name="connsiteY6" fmla="*/ 484310 h 714629"/>
              <a:gd name="connsiteX7" fmla="*/ 0 w 4212432"/>
              <a:gd name="connsiteY7" fmla="*/ 254931 h 714629"/>
              <a:gd name="connsiteX0" fmla="*/ 0 w 4212432"/>
              <a:gd name="connsiteY0" fmla="*/ 242199 h 704985"/>
              <a:gd name="connsiteX1" fmla="*/ 245874 w 4212432"/>
              <a:gd name="connsiteY1" fmla="*/ 242199 h 704985"/>
              <a:gd name="connsiteX2" fmla="*/ 4211962 w 4212432"/>
              <a:gd name="connsiteY2" fmla="*/ 242199 h 704985"/>
              <a:gd name="connsiteX3" fmla="*/ 4212432 w 4212432"/>
              <a:gd name="connsiteY3" fmla="*/ 548689 h 704985"/>
              <a:gd name="connsiteX4" fmla="*/ 3976992 w 4212432"/>
              <a:gd name="connsiteY4" fmla="*/ 700956 h 704985"/>
              <a:gd name="connsiteX5" fmla="*/ 0 w 4212432"/>
              <a:gd name="connsiteY5" fmla="*/ 700955 h 704985"/>
              <a:gd name="connsiteX6" fmla="*/ 0 w 4212432"/>
              <a:gd name="connsiteY6" fmla="*/ 471578 h 704985"/>
              <a:gd name="connsiteX7" fmla="*/ 0 w 4212432"/>
              <a:gd name="connsiteY7" fmla="*/ 242199 h 704985"/>
              <a:gd name="connsiteX0" fmla="*/ 0 w 4212432"/>
              <a:gd name="connsiteY0" fmla="*/ 242199 h 703933"/>
              <a:gd name="connsiteX1" fmla="*/ 245874 w 4212432"/>
              <a:gd name="connsiteY1" fmla="*/ 242199 h 703933"/>
              <a:gd name="connsiteX2" fmla="*/ 4211962 w 4212432"/>
              <a:gd name="connsiteY2" fmla="*/ 242199 h 703933"/>
              <a:gd name="connsiteX3" fmla="*/ 4212432 w 4212432"/>
              <a:gd name="connsiteY3" fmla="*/ 548689 h 703933"/>
              <a:gd name="connsiteX4" fmla="*/ 3976992 w 4212432"/>
              <a:gd name="connsiteY4" fmla="*/ 700956 h 703933"/>
              <a:gd name="connsiteX5" fmla="*/ 0 w 4212432"/>
              <a:gd name="connsiteY5" fmla="*/ 700955 h 703933"/>
              <a:gd name="connsiteX6" fmla="*/ 0 w 4212432"/>
              <a:gd name="connsiteY6" fmla="*/ 471578 h 703933"/>
              <a:gd name="connsiteX7" fmla="*/ 0 w 4212432"/>
              <a:gd name="connsiteY7" fmla="*/ 242199 h 703933"/>
              <a:gd name="connsiteX0" fmla="*/ 0 w 4212432"/>
              <a:gd name="connsiteY0" fmla="*/ 242199 h 701374"/>
              <a:gd name="connsiteX1" fmla="*/ 245874 w 4212432"/>
              <a:gd name="connsiteY1" fmla="*/ 242199 h 701374"/>
              <a:gd name="connsiteX2" fmla="*/ 4211962 w 4212432"/>
              <a:gd name="connsiteY2" fmla="*/ 242199 h 701374"/>
              <a:gd name="connsiteX3" fmla="*/ 4212432 w 4212432"/>
              <a:gd name="connsiteY3" fmla="*/ 548689 h 701374"/>
              <a:gd name="connsiteX4" fmla="*/ 3976992 w 4212432"/>
              <a:gd name="connsiteY4" fmla="*/ 700956 h 701374"/>
              <a:gd name="connsiteX5" fmla="*/ 0 w 4212432"/>
              <a:gd name="connsiteY5" fmla="*/ 700955 h 701374"/>
              <a:gd name="connsiteX6" fmla="*/ 0 w 4212432"/>
              <a:gd name="connsiteY6" fmla="*/ 471578 h 701374"/>
              <a:gd name="connsiteX7" fmla="*/ 0 w 4212432"/>
              <a:gd name="connsiteY7" fmla="*/ 242199 h 701374"/>
              <a:gd name="connsiteX0" fmla="*/ 0 w 4214819"/>
              <a:gd name="connsiteY0" fmla="*/ 231179 h 693429"/>
              <a:gd name="connsiteX1" fmla="*/ 245874 w 4214819"/>
              <a:gd name="connsiteY1" fmla="*/ 231179 h 693429"/>
              <a:gd name="connsiteX2" fmla="*/ 4211962 w 4214819"/>
              <a:gd name="connsiteY2" fmla="*/ 231179 h 693429"/>
              <a:gd name="connsiteX3" fmla="*/ 4214819 w 4214819"/>
              <a:gd name="connsiteY3" fmla="*/ 554338 h 693429"/>
              <a:gd name="connsiteX4" fmla="*/ 3976992 w 4214819"/>
              <a:gd name="connsiteY4" fmla="*/ 689936 h 693429"/>
              <a:gd name="connsiteX5" fmla="*/ 0 w 4214819"/>
              <a:gd name="connsiteY5" fmla="*/ 689935 h 693429"/>
              <a:gd name="connsiteX6" fmla="*/ 0 w 4214819"/>
              <a:gd name="connsiteY6" fmla="*/ 460558 h 693429"/>
              <a:gd name="connsiteX7" fmla="*/ 0 w 4214819"/>
              <a:gd name="connsiteY7" fmla="*/ 231179 h 693429"/>
              <a:gd name="connsiteX0" fmla="*/ 0 w 4214819"/>
              <a:gd name="connsiteY0" fmla="*/ 231179 h 690020"/>
              <a:gd name="connsiteX1" fmla="*/ 245874 w 4214819"/>
              <a:gd name="connsiteY1" fmla="*/ 231179 h 690020"/>
              <a:gd name="connsiteX2" fmla="*/ 4211962 w 4214819"/>
              <a:gd name="connsiteY2" fmla="*/ 231179 h 690020"/>
              <a:gd name="connsiteX3" fmla="*/ 4214819 w 4214819"/>
              <a:gd name="connsiteY3" fmla="*/ 554338 h 690020"/>
              <a:gd name="connsiteX4" fmla="*/ 3976992 w 4214819"/>
              <a:gd name="connsiteY4" fmla="*/ 689936 h 690020"/>
              <a:gd name="connsiteX5" fmla="*/ 0 w 4214819"/>
              <a:gd name="connsiteY5" fmla="*/ 689935 h 690020"/>
              <a:gd name="connsiteX6" fmla="*/ 0 w 4214819"/>
              <a:gd name="connsiteY6" fmla="*/ 460558 h 690020"/>
              <a:gd name="connsiteX7" fmla="*/ 0 w 4214819"/>
              <a:gd name="connsiteY7" fmla="*/ 231179 h 690020"/>
              <a:gd name="connsiteX0" fmla="*/ 0 w 4215172"/>
              <a:gd name="connsiteY0" fmla="*/ 78388 h 537229"/>
              <a:gd name="connsiteX1" fmla="*/ 245874 w 4215172"/>
              <a:gd name="connsiteY1" fmla="*/ 78388 h 537229"/>
              <a:gd name="connsiteX2" fmla="*/ 4211962 w 4215172"/>
              <a:gd name="connsiteY2" fmla="*/ 78388 h 537229"/>
              <a:gd name="connsiteX3" fmla="*/ 4214819 w 4215172"/>
              <a:gd name="connsiteY3" fmla="*/ 401547 h 537229"/>
              <a:gd name="connsiteX4" fmla="*/ 3976992 w 4215172"/>
              <a:gd name="connsiteY4" fmla="*/ 537145 h 537229"/>
              <a:gd name="connsiteX5" fmla="*/ 0 w 4215172"/>
              <a:gd name="connsiteY5" fmla="*/ 537144 h 537229"/>
              <a:gd name="connsiteX6" fmla="*/ 0 w 4215172"/>
              <a:gd name="connsiteY6" fmla="*/ 307767 h 537229"/>
              <a:gd name="connsiteX7" fmla="*/ 0 w 4215172"/>
              <a:gd name="connsiteY7" fmla="*/ 78388 h 537229"/>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76992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4819"/>
              <a:gd name="connsiteY0" fmla="*/ 0 h 458841"/>
              <a:gd name="connsiteX1" fmla="*/ 245874 w 4214819"/>
              <a:gd name="connsiteY1" fmla="*/ 0 h 458841"/>
              <a:gd name="connsiteX2" fmla="*/ 4211962 w 4214819"/>
              <a:gd name="connsiteY2" fmla="*/ 0 h 458841"/>
              <a:gd name="connsiteX3" fmla="*/ 4214819 w 4214819"/>
              <a:gd name="connsiteY3" fmla="*/ 323159 h 458841"/>
              <a:gd name="connsiteX4" fmla="*/ 3967441 w 4214819"/>
              <a:gd name="connsiteY4" fmla="*/ 458757 h 458841"/>
              <a:gd name="connsiteX5" fmla="*/ 0 w 4214819"/>
              <a:gd name="connsiteY5" fmla="*/ 458756 h 458841"/>
              <a:gd name="connsiteX6" fmla="*/ 0 w 4214819"/>
              <a:gd name="connsiteY6" fmla="*/ 229379 h 458841"/>
              <a:gd name="connsiteX7" fmla="*/ 0 w 4214819"/>
              <a:gd name="connsiteY7" fmla="*/ 0 h 458841"/>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 name="connsiteX0" fmla="*/ 0 w 4212432"/>
              <a:gd name="connsiteY0" fmla="*/ 0 h 458757"/>
              <a:gd name="connsiteX1" fmla="*/ 245874 w 4212432"/>
              <a:gd name="connsiteY1" fmla="*/ 0 h 458757"/>
              <a:gd name="connsiteX2" fmla="*/ 4211962 w 4212432"/>
              <a:gd name="connsiteY2" fmla="*/ 0 h 458757"/>
              <a:gd name="connsiteX3" fmla="*/ 4212432 w 4212432"/>
              <a:gd name="connsiteY3" fmla="*/ 308872 h 458757"/>
              <a:gd name="connsiteX4" fmla="*/ 3967441 w 4212432"/>
              <a:gd name="connsiteY4" fmla="*/ 458757 h 458757"/>
              <a:gd name="connsiteX5" fmla="*/ 0 w 4212432"/>
              <a:gd name="connsiteY5" fmla="*/ 458756 h 458757"/>
              <a:gd name="connsiteX6" fmla="*/ 0 w 4212432"/>
              <a:gd name="connsiteY6" fmla="*/ 229379 h 458757"/>
              <a:gd name="connsiteX7" fmla="*/ 0 w 4212432"/>
              <a:gd name="connsiteY7" fmla="*/ 0 h 45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212432" h="458757">
                <a:moveTo>
                  <a:pt x="0" y="0"/>
                </a:moveTo>
                <a:lnTo>
                  <a:pt x="245874" y="0"/>
                </a:lnTo>
                <a:lnTo>
                  <a:pt x="4211962" y="0"/>
                </a:lnTo>
                <a:cubicBezTo>
                  <a:pt x="4212914" y="108513"/>
                  <a:pt x="4209095" y="335"/>
                  <a:pt x="4212432" y="308872"/>
                </a:cubicBezTo>
                <a:cubicBezTo>
                  <a:pt x="4212481" y="465992"/>
                  <a:pt x="4074394" y="456418"/>
                  <a:pt x="3967441" y="458757"/>
                </a:cubicBezTo>
                <a:lnTo>
                  <a:pt x="0" y="458756"/>
                </a:lnTo>
                <a:lnTo>
                  <a:pt x="0" y="229379"/>
                </a:lnTo>
                <a:lnTo>
                  <a:pt x="0" y="0"/>
                </a:lnTo>
                <a:close/>
              </a:path>
            </a:pathLst>
          </a:custGeom>
          <a:solidFill>
            <a:schemeClr val="accent2">
              <a:alpha val="90000"/>
            </a:schemeClr>
          </a:solidFill>
          <a:ln w="19050" cmpd="sng">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288000" tIns="90000" rIns="90000" bIns="108000" numCol="1" spcCol="0" rtlCol="0" fromWordArt="0" anchor="t" anchorCtr="0" forceAA="0" compatLnSpc="1">
            <a:prstTxWarp prst="textNoShape">
              <a:avLst/>
            </a:prstTxWarp>
            <a:noAutofit/>
          </a:bodyPr>
          <a:lstStyle>
            <a:lvl1pPr marL="0" indent="0" algn="l" defTabSz="609302" rtl="0" eaLnBrk="1" latinLnBrk="0" hangingPunct="1">
              <a:lnSpc>
                <a:spcPct val="100000"/>
              </a:lnSpc>
              <a:spcBef>
                <a:spcPct val="0"/>
              </a:spcBef>
              <a:buNone/>
              <a:defRPr lang="nl-NL" sz="2507" b="0" i="0" kern="1200" dirty="0">
                <a:solidFill>
                  <a:schemeClr val="bg1"/>
                </a:solidFill>
                <a:latin typeface="Myriad for Rabobank It" panose="020B0503030403090204" pitchFamily="34" charset="0"/>
                <a:ea typeface="+mn-ea"/>
                <a:cs typeface="+mn-cs"/>
              </a:defRPr>
            </a:lvl1pPr>
            <a:lvl2pPr marL="609302" indent="0" algn="ctr">
              <a:buNone/>
              <a:defRPr>
                <a:solidFill>
                  <a:schemeClr val="tx1">
                    <a:tint val="75000"/>
                  </a:schemeClr>
                </a:solidFill>
              </a:defRPr>
            </a:lvl2pPr>
            <a:lvl3pPr marL="1218604" indent="0" algn="ctr">
              <a:buNone/>
              <a:defRPr>
                <a:solidFill>
                  <a:schemeClr val="tx1">
                    <a:tint val="75000"/>
                  </a:schemeClr>
                </a:solidFill>
              </a:defRPr>
            </a:lvl3pPr>
            <a:lvl4pPr marL="1827906" indent="0" algn="ctr">
              <a:buNone/>
              <a:defRPr>
                <a:solidFill>
                  <a:schemeClr val="tx1">
                    <a:tint val="75000"/>
                  </a:schemeClr>
                </a:solidFill>
              </a:defRPr>
            </a:lvl4pPr>
            <a:lvl5pPr marL="2437207" indent="0" algn="ctr">
              <a:buNone/>
              <a:defRPr>
                <a:solidFill>
                  <a:schemeClr val="tx1">
                    <a:tint val="75000"/>
                  </a:schemeClr>
                </a:solidFill>
              </a:defRPr>
            </a:lvl5pPr>
            <a:lvl6pPr marL="3046511" indent="0" algn="ctr">
              <a:buNone/>
              <a:defRPr>
                <a:solidFill>
                  <a:schemeClr val="tx1">
                    <a:tint val="75000"/>
                  </a:schemeClr>
                </a:solidFill>
              </a:defRPr>
            </a:lvl6pPr>
            <a:lvl7pPr marL="3655814" indent="0" algn="ctr">
              <a:buNone/>
              <a:defRPr>
                <a:solidFill>
                  <a:schemeClr val="tx1">
                    <a:tint val="75000"/>
                  </a:schemeClr>
                </a:solidFill>
              </a:defRPr>
            </a:lvl7pPr>
            <a:lvl8pPr marL="4265113" indent="0" algn="ctr">
              <a:buNone/>
              <a:defRPr>
                <a:solidFill>
                  <a:schemeClr val="tx1">
                    <a:tint val="75000"/>
                  </a:schemeClr>
                </a:solidFill>
              </a:defRPr>
            </a:lvl8pPr>
            <a:lvl9pPr marL="4874417" indent="0" algn="ctr">
              <a:buNone/>
              <a:defRPr>
                <a:solidFill>
                  <a:schemeClr val="tx1">
                    <a:tint val="75000"/>
                  </a:schemeClr>
                </a:solidFill>
              </a:defRPr>
            </a:lvl9pPr>
          </a:lstStyle>
          <a:p>
            <a:endParaRPr lang="nl-NL"/>
          </a:p>
        </p:txBody>
      </p:sp>
      <p:sp>
        <p:nvSpPr>
          <p:cNvPr id="12" name="Titel 14">
            <a:extLst>
              <a:ext uri="{FF2B5EF4-FFF2-40B4-BE49-F238E27FC236}">
                <a16:creationId xmlns:a16="http://schemas.microsoft.com/office/drawing/2014/main" id="{DFFEC9F0-E6BE-40A9-883F-8B5288F144FA}"/>
              </a:ext>
            </a:extLst>
          </p:cNvPr>
          <p:cNvSpPr>
            <a:spLocks noGrp="1"/>
          </p:cNvSpPr>
          <p:nvPr>
            <p:ph type="title"/>
          </p:nvPr>
        </p:nvSpPr>
        <p:spPr>
          <a:xfrm>
            <a:off x="0" y="360000"/>
            <a:ext cx="5601600" cy="1344000"/>
          </a:xfrm>
          <a:prstGeom prst="round1Rect">
            <a:avLst>
              <a:gd name="adj" fmla="val 12786"/>
            </a:avLst>
          </a:prstGeom>
          <a:solidFill>
            <a:schemeClr val="accent1">
              <a:alpha val="90000"/>
            </a:schemeClr>
          </a:solidFill>
          <a:ln w="19050" cmpd="sng">
            <a:noFill/>
          </a:ln>
        </p:spPr>
        <p:txBody>
          <a:bodyPr wrap="square" lIns="288000" tIns="108000" rIns="108000" bIns="72000" anchor="t" anchorCtr="0">
            <a:noAutofit/>
          </a:bodyPr>
          <a:lstStyle>
            <a:lvl1pPr>
              <a:lnSpc>
                <a:spcPts val="4000"/>
              </a:lnSpc>
              <a:defRPr sz="3733" b="0" i="0">
                <a:solidFill>
                  <a:srgbClr val="FFFFFF"/>
                </a:solidFill>
                <a:latin typeface="Myriad for Rabobank Bd It" panose="020B0703030403090204" pitchFamily="34" charset="0"/>
              </a:defRPr>
            </a:lvl1pPr>
          </a:lstStyle>
          <a:p>
            <a:endParaRPr lang="nl-NL" noProof="0"/>
          </a:p>
        </p:txBody>
      </p:sp>
    </p:spTree>
    <p:extLst>
      <p:ext uri="{BB962C8B-B14F-4D97-AF65-F5344CB8AC3E}">
        <p14:creationId xmlns:p14="http://schemas.microsoft.com/office/powerpoint/2010/main" val="697470424"/>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10945792" cy="4258800"/>
          </a:xfrm>
        </p:spPr>
        <p:txBody>
          <a:bodyPr/>
          <a:lstStyle>
            <a:lvl4pPr>
              <a:defRPr/>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lstStyle>
            <a:lvl1pPr>
              <a:defRPr lang="en-GB" sz="2400" dirty="0">
                <a:solidFill>
                  <a:srgbClr val="000060"/>
                </a:solidFill>
              </a:defRPr>
            </a:lvl1pPr>
          </a:lstStyle>
          <a:p>
            <a:pPr marL="0" lvl="0" indent="0">
              <a:buNone/>
            </a:pPr>
            <a:r>
              <a:rPr lang="en-GB" noProof="0"/>
              <a:t>Click to edit Master subtitle style</a:t>
            </a:r>
            <a:endParaRPr lang="en-US" noProof="0"/>
          </a:p>
        </p:txBody>
      </p:sp>
    </p:spTree>
    <p:extLst>
      <p:ext uri="{BB962C8B-B14F-4D97-AF65-F5344CB8AC3E}">
        <p14:creationId xmlns:p14="http://schemas.microsoft.com/office/powerpoint/2010/main" val="16762576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2" name="Content Placeholder 2">
            <a:extLst>
              <a:ext uri="{FF2B5EF4-FFF2-40B4-BE49-F238E27FC236}">
                <a16:creationId xmlns:a16="http://schemas.microsoft.com/office/drawing/2014/main" id="{E496C731-8EBE-47E2-B58E-D73599707E2C}"/>
              </a:ext>
            </a:extLst>
          </p:cNvPr>
          <p:cNvSpPr>
            <a:spLocks noGrp="1"/>
          </p:cNvSpPr>
          <p:nvPr>
            <p:ph idx="15"/>
          </p:nvPr>
        </p:nvSpPr>
        <p:spPr>
          <a:xfrm>
            <a:off x="6263392" y="1825625"/>
            <a:ext cx="5292000" cy="4258800"/>
          </a:xfrm>
        </p:spPr>
        <p:txBody>
          <a:bodyPr>
            <a:noAutofit/>
          </a:bodyPr>
          <a:lstStyle>
            <a:lvl1pPr>
              <a:defRPr sz="1800">
                <a:solidFill>
                  <a:schemeClr val="accent1"/>
                </a:solidFill>
                <a:latin typeface="+mj-lt"/>
              </a:defRPr>
            </a:lvl1pPr>
            <a:lvl2pPr marL="1800" indent="0">
              <a:buNone/>
              <a:defRPr sz="1800"/>
            </a:lvl2pPr>
            <a:lvl3pPr marL="517950" indent="-285750">
              <a:buFont typeface="Arial" panose="020B0604020202020204" pitchFamily="34" charset="0"/>
              <a:buChar char="•"/>
              <a:defRPr sz="1800"/>
            </a:lvl3pPr>
            <a:lvl4pPr marL="748350" indent="-285750">
              <a:buFont typeface="Arial" panose="020B0604020202020204" pitchFamily="34" charset="0"/>
              <a:buChar char="•"/>
              <a:defRPr sz="1800"/>
            </a:lvl4pPr>
            <a:lvl5pPr marL="1033200" indent="-284400">
              <a:buFont typeface="Arial" panose="020B0604020202020204" pitchFamily="34" charset="0"/>
              <a:buChar char="•"/>
              <a:defRPr sz="1800">
                <a:solidFill>
                  <a:schemeClr val="tx1"/>
                </a:solidFill>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cxnSp>
        <p:nvCxnSpPr>
          <p:cNvPr id="15" name="Straight Connector 14">
            <a:extLst>
              <a:ext uri="{FF2B5EF4-FFF2-40B4-BE49-F238E27FC236}">
                <a16:creationId xmlns:a16="http://schemas.microsoft.com/office/drawing/2014/main" id="{2A7478E0-A7DC-4249-ADC2-92831075D6A5}"/>
              </a:ext>
            </a:extLst>
          </p:cNvPr>
          <p:cNvCxnSpPr/>
          <p:nvPr userDrawn="1"/>
        </p:nvCxnSpPr>
        <p:spPr>
          <a:xfrm>
            <a:off x="6085840" y="1825625"/>
            <a:ext cx="0" cy="3908201"/>
          </a:xfrm>
          <a:prstGeom prst="line">
            <a:avLst/>
          </a:prstGeom>
          <a:ln w="28575" cap="rnd">
            <a:solidFill>
              <a:srgbClr val="D8D9DA"/>
            </a:solidFill>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62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6096000" y="1825625"/>
            <a:ext cx="6096000" cy="5032376"/>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900274"/>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6457950" y="2182367"/>
            <a:ext cx="5097442" cy="3900275"/>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Tree>
    <p:extLst>
      <p:ext uri="{BB962C8B-B14F-4D97-AF65-F5344CB8AC3E}">
        <p14:creationId xmlns:p14="http://schemas.microsoft.com/office/powerpoint/2010/main" val="3546318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Box (Alternativ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5125133"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1" name="Content Placeholder 2">
            <a:extLst>
              <a:ext uri="{FF2B5EF4-FFF2-40B4-BE49-F238E27FC236}">
                <a16:creationId xmlns:a16="http://schemas.microsoft.com/office/drawing/2014/main" id="{FB9D5938-12D4-43D5-9A41-F5466FF8AA2C}"/>
              </a:ext>
            </a:extLst>
          </p:cNvPr>
          <p:cNvSpPr>
            <a:spLocks noGrp="1"/>
          </p:cNvSpPr>
          <p:nvPr>
            <p:ph idx="15"/>
          </p:nvPr>
        </p:nvSpPr>
        <p:spPr>
          <a:xfrm>
            <a:off x="609600" y="1825624"/>
            <a:ext cx="5125133" cy="375320"/>
          </a:xfrm>
        </p:spPr>
        <p:txBody>
          <a:bodyPr>
            <a:noAutofit/>
          </a:bodyPr>
          <a:lstStyle>
            <a:lvl1pPr>
              <a:defRPr sz="1800">
                <a:solidFill>
                  <a:schemeClr val="accent1"/>
                </a:solidFill>
                <a:latin typeface="+mj-lt"/>
              </a:defRPr>
            </a:lvl1pPr>
          </a:lstStyle>
          <a:p>
            <a:pPr lvl="0"/>
            <a:r>
              <a:rPr lang="en-GB"/>
              <a:t>Click to edit Master text styles</a:t>
            </a:r>
          </a:p>
        </p:txBody>
      </p:sp>
      <p:sp>
        <p:nvSpPr>
          <p:cNvPr id="14" name="Graphic 31">
            <a:extLst>
              <a:ext uri="{FF2B5EF4-FFF2-40B4-BE49-F238E27FC236}">
                <a16:creationId xmlns:a16="http://schemas.microsoft.com/office/drawing/2014/main" id="{5C9BFC90-101B-4019-A0EB-58591AF39E44}"/>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2" name="Rectangle 11">
            <a:extLst>
              <a:ext uri="{FF2B5EF4-FFF2-40B4-BE49-F238E27FC236}">
                <a16:creationId xmlns:a16="http://schemas.microsoft.com/office/drawing/2014/main" id="{73784A61-04A1-45E4-AFDD-0EAFA5C37A32}"/>
              </a:ext>
            </a:extLst>
          </p:cNvPr>
          <p:cNvSpPr/>
          <p:nvPr userDrawn="1"/>
        </p:nvSpPr>
        <p:spPr>
          <a:xfrm>
            <a:off x="6096001" y="1825624"/>
            <a:ext cx="6096000" cy="4258800"/>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15" name="Content Placeholder 2">
            <a:extLst>
              <a:ext uri="{FF2B5EF4-FFF2-40B4-BE49-F238E27FC236}">
                <a16:creationId xmlns:a16="http://schemas.microsoft.com/office/drawing/2014/main" id="{161E53BC-0849-422F-89AB-01A0B1905C15}"/>
              </a:ext>
            </a:extLst>
          </p:cNvPr>
          <p:cNvSpPr>
            <a:spLocks noGrp="1"/>
          </p:cNvSpPr>
          <p:nvPr>
            <p:ph idx="16"/>
          </p:nvPr>
        </p:nvSpPr>
        <p:spPr>
          <a:xfrm>
            <a:off x="6457949" y="2182367"/>
            <a:ext cx="5097443" cy="356217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473302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Narrow Box">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C2EEA33-2E5B-4611-AD95-68E5FEAB1D15}"/>
              </a:ext>
            </a:extLst>
          </p:cNvPr>
          <p:cNvSpPr/>
          <p:nvPr userDrawn="1"/>
        </p:nvSpPr>
        <p:spPr>
          <a:xfrm>
            <a:off x="8300085" y="1847687"/>
            <a:ext cx="3891915" cy="501031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US"/>
          </a:p>
        </p:txBody>
      </p:sp>
      <p:sp>
        <p:nvSpPr>
          <p:cNvPr id="2" name="Title 1">
            <a:extLst>
              <a:ext uri="{FF2B5EF4-FFF2-40B4-BE49-F238E27FC236}">
                <a16:creationId xmlns:a16="http://schemas.microsoft.com/office/drawing/2014/main" id="{2A83F103-3DD2-4CF2-9802-DCE37611E90A}"/>
              </a:ext>
            </a:extLst>
          </p:cNvPr>
          <p:cNvSpPr>
            <a:spLocks noGrp="1"/>
          </p:cNvSpPr>
          <p:nvPr>
            <p:ph type="title"/>
          </p:nvPr>
        </p:nvSpPr>
        <p:spPr/>
        <p:txBody>
          <a:bodyPr>
            <a:noAutofit/>
          </a:bodyPr>
          <a:lstStyle/>
          <a:p>
            <a:r>
              <a:rPr lang="en-GB"/>
              <a:t>Click to edit Master title style</a:t>
            </a:r>
          </a:p>
        </p:txBody>
      </p:sp>
      <p:sp>
        <p:nvSpPr>
          <p:cNvPr id="3" name="Content Placeholder 2">
            <a:extLst>
              <a:ext uri="{FF2B5EF4-FFF2-40B4-BE49-F238E27FC236}">
                <a16:creationId xmlns:a16="http://schemas.microsoft.com/office/drawing/2014/main" id="{8D2159C9-BC02-401C-A343-DC0C89192608}"/>
              </a:ext>
            </a:extLst>
          </p:cNvPr>
          <p:cNvSpPr>
            <a:spLocks noGrp="1"/>
          </p:cNvSpPr>
          <p:nvPr>
            <p:ph idx="1"/>
          </p:nvPr>
        </p:nvSpPr>
        <p:spPr>
          <a:xfrm>
            <a:off x="609600" y="2182368"/>
            <a:ext cx="7498080" cy="3898800"/>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Slide Number Placeholder 5">
            <a:extLst>
              <a:ext uri="{FF2B5EF4-FFF2-40B4-BE49-F238E27FC236}">
                <a16:creationId xmlns:a16="http://schemas.microsoft.com/office/drawing/2014/main" id="{9BE79EB1-3DB8-4F7A-A690-08A369F2B06B}"/>
              </a:ext>
            </a:extLst>
          </p:cNvPr>
          <p:cNvSpPr>
            <a:spLocks noGrp="1"/>
          </p:cNvSpPr>
          <p:nvPr>
            <p:ph type="sldNum" sz="quarter" idx="12"/>
          </p:nvPr>
        </p:nvSpPr>
        <p:spPr/>
        <p:txBody>
          <a:bodyPr>
            <a:noAutofit/>
          </a:bodyPr>
          <a:lstStyle/>
          <a:p>
            <a:fld id="{555B1587-59F1-4FB5-A363-0505DAC627C3}" type="slidenum">
              <a:rPr lang="en-US" noProof="0" smtClean="0"/>
              <a:t>‹#›</a:t>
            </a:fld>
            <a:endParaRPr lang="en-US" noProof="0"/>
          </a:p>
        </p:txBody>
      </p:sp>
      <p:sp>
        <p:nvSpPr>
          <p:cNvPr id="9" name="Subtitle 2">
            <a:extLst>
              <a:ext uri="{FF2B5EF4-FFF2-40B4-BE49-F238E27FC236}">
                <a16:creationId xmlns:a16="http://schemas.microsoft.com/office/drawing/2014/main" id="{B458E103-E4D0-4366-814D-56D67B1D40DA}"/>
              </a:ext>
            </a:extLst>
          </p:cNvPr>
          <p:cNvSpPr>
            <a:spLocks noGrp="1"/>
          </p:cNvSpPr>
          <p:nvPr>
            <p:ph type="subTitle" idx="13"/>
          </p:nvPr>
        </p:nvSpPr>
        <p:spPr>
          <a:xfrm>
            <a:off x="609600" y="1241612"/>
            <a:ext cx="10945792" cy="462728"/>
          </a:xfrm>
        </p:spPr>
        <p:txBody>
          <a:bodyPr lIns="0" tIns="0" rIns="0" bIns="0">
            <a:noAutofit/>
          </a:bodyPr>
          <a:lstStyle>
            <a:lvl1pPr>
              <a:defRPr lang="en-GB" sz="2400" dirty="0">
                <a:solidFill>
                  <a:srgbClr val="000060"/>
                </a:solidFill>
              </a:defRPr>
            </a:lvl1pPr>
          </a:lstStyle>
          <a:p>
            <a:pPr marL="0" lvl="0" indent="0">
              <a:buNone/>
            </a:pPr>
            <a:r>
              <a:rPr lang="en-GB" noProof="0"/>
              <a:t>Click to edit Master subtitle style</a:t>
            </a:r>
            <a:endParaRPr lang="en-US" noProof="0"/>
          </a:p>
        </p:txBody>
      </p:sp>
      <p:sp>
        <p:nvSpPr>
          <p:cNvPr id="10" name="Content Placeholder 2">
            <a:extLst>
              <a:ext uri="{FF2B5EF4-FFF2-40B4-BE49-F238E27FC236}">
                <a16:creationId xmlns:a16="http://schemas.microsoft.com/office/drawing/2014/main" id="{096D86E7-811D-41F1-9731-6D9A7A06012F}"/>
              </a:ext>
            </a:extLst>
          </p:cNvPr>
          <p:cNvSpPr>
            <a:spLocks noGrp="1"/>
          </p:cNvSpPr>
          <p:nvPr>
            <p:ph idx="14"/>
          </p:nvPr>
        </p:nvSpPr>
        <p:spPr>
          <a:xfrm>
            <a:off x="8633460" y="2182366"/>
            <a:ext cx="2921932" cy="3898801"/>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5" name="Graphic 31">
            <a:extLst>
              <a:ext uri="{FF2B5EF4-FFF2-40B4-BE49-F238E27FC236}">
                <a16:creationId xmlns:a16="http://schemas.microsoft.com/office/drawing/2014/main" id="{266B5BA1-BDB8-48E4-A4DB-43D66F6F0C83}"/>
              </a:ext>
            </a:extLst>
          </p:cNvPr>
          <p:cNvSpPr/>
          <p:nvPr userDrawn="1"/>
        </p:nvSpPr>
        <p:spPr>
          <a:xfrm>
            <a:off x="10652186" y="6388681"/>
            <a:ext cx="903206" cy="163280"/>
          </a:xfrm>
          <a:custGeom>
            <a:avLst/>
            <a:gdLst>
              <a:gd name="connsiteX0" fmla="*/ 1634337 w 2761964"/>
              <a:gd name="connsiteY0" fmla="*/ 322905 h 500729"/>
              <a:gd name="connsiteX1" fmla="*/ 1537468 w 2761964"/>
              <a:gd name="connsiteY1" fmla="*/ 437205 h 500729"/>
              <a:gd name="connsiteX2" fmla="*/ 1496034 w 2761964"/>
              <a:gd name="connsiteY2" fmla="*/ 384531 h 500729"/>
              <a:gd name="connsiteX3" fmla="*/ 1512417 w 2761964"/>
              <a:gd name="connsiteY3" fmla="*/ 282900 h 500729"/>
              <a:gd name="connsiteX4" fmla="*/ 1581378 w 2761964"/>
              <a:gd name="connsiteY4" fmla="*/ 215748 h 500729"/>
              <a:gd name="connsiteX5" fmla="*/ 1634337 w 2761964"/>
              <a:gd name="connsiteY5" fmla="*/ 322905 h 500729"/>
              <a:gd name="connsiteX6" fmla="*/ 1475365 w 2761964"/>
              <a:gd name="connsiteY6" fmla="*/ 472257 h 500729"/>
              <a:gd name="connsiteX7" fmla="*/ 1545660 w 2761964"/>
              <a:gd name="connsiteY7" fmla="*/ 498641 h 500729"/>
              <a:gd name="connsiteX8" fmla="*/ 1725682 w 2761964"/>
              <a:gd name="connsiteY8" fmla="*/ 326048 h 500729"/>
              <a:gd name="connsiteX9" fmla="*/ 1614716 w 2761964"/>
              <a:gd name="connsiteY9" fmla="*/ 151645 h 500729"/>
              <a:gd name="connsiteX10" fmla="*/ 1535468 w 2761964"/>
              <a:gd name="connsiteY10" fmla="*/ 164885 h 500729"/>
              <a:gd name="connsiteX11" fmla="*/ 1564043 w 2761964"/>
              <a:gd name="connsiteY11" fmla="*/ -183 h 500729"/>
              <a:gd name="connsiteX12" fmla="*/ 1477556 w 2761964"/>
              <a:gd name="connsiteY12" fmla="*/ -183 h 500729"/>
              <a:gd name="connsiteX13" fmla="*/ 1391831 w 2761964"/>
              <a:gd name="connsiteY13" fmla="*/ 492640 h 500729"/>
              <a:gd name="connsiteX14" fmla="*/ 1457077 w 2761964"/>
              <a:gd name="connsiteY14" fmla="*/ 492640 h 500729"/>
              <a:gd name="connsiteX15" fmla="*/ 1476127 w 2761964"/>
              <a:gd name="connsiteY15" fmla="*/ 472257 h 500729"/>
              <a:gd name="connsiteX16" fmla="*/ 2395957 w 2761964"/>
              <a:gd name="connsiteY16" fmla="*/ 261945 h 500729"/>
              <a:gd name="connsiteX17" fmla="*/ 2300707 w 2761964"/>
              <a:gd name="connsiteY17" fmla="*/ 150978 h 500729"/>
              <a:gd name="connsiteX18" fmla="*/ 2194217 w 2761964"/>
              <a:gd name="connsiteY18" fmla="*/ 200127 h 500729"/>
              <a:gd name="connsiteX19" fmla="*/ 2196408 w 2761964"/>
              <a:gd name="connsiteY19" fmla="*/ 158503 h 500729"/>
              <a:gd name="connsiteX20" fmla="*/ 2116302 w 2761964"/>
              <a:gd name="connsiteY20" fmla="*/ 158503 h 500729"/>
              <a:gd name="connsiteX21" fmla="*/ 2110111 w 2761964"/>
              <a:gd name="connsiteY21" fmla="*/ 220130 h 500729"/>
              <a:gd name="connsiteX22" fmla="*/ 2063629 w 2761964"/>
              <a:gd name="connsiteY22" fmla="*/ 492069 h 500729"/>
              <a:gd name="connsiteX23" fmla="*/ 2151450 w 2761964"/>
              <a:gd name="connsiteY23" fmla="*/ 492069 h 500729"/>
              <a:gd name="connsiteX24" fmla="*/ 2180025 w 2761964"/>
              <a:gd name="connsiteY24" fmla="*/ 315475 h 500729"/>
              <a:gd name="connsiteX25" fmla="*/ 2271560 w 2761964"/>
              <a:gd name="connsiteY25" fmla="*/ 208128 h 500729"/>
              <a:gd name="connsiteX26" fmla="*/ 2308136 w 2761964"/>
              <a:gd name="connsiteY26" fmla="*/ 271565 h 500729"/>
              <a:gd name="connsiteX27" fmla="*/ 2270036 w 2761964"/>
              <a:gd name="connsiteY27" fmla="*/ 492069 h 500729"/>
              <a:gd name="connsiteX28" fmla="*/ 2357094 w 2761964"/>
              <a:gd name="connsiteY28" fmla="*/ 492069 h 500729"/>
              <a:gd name="connsiteX29" fmla="*/ 2761812 w 2761964"/>
              <a:gd name="connsiteY29" fmla="*/ 151550 h 500729"/>
              <a:gd name="connsiteX30" fmla="*/ 2659513 w 2761964"/>
              <a:gd name="connsiteY30" fmla="*/ 151550 h 500729"/>
              <a:gd name="connsiteX31" fmla="*/ 2541975 w 2761964"/>
              <a:gd name="connsiteY31" fmla="*/ 276232 h 500729"/>
              <a:gd name="connsiteX32" fmla="*/ 2540260 w 2761964"/>
              <a:gd name="connsiteY32" fmla="*/ 276232 h 500729"/>
              <a:gd name="connsiteX33" fmla="*/ 2587409 w 2761964"/>
              <a:gd name="connsiteY33" fmla="*/ 7 h 500729"/>
              <a:gd name="connsiteX34" fmla="*/ 2501684 w 2761964"/>
              <a:gd name="connsiteY34" fmla="*/ 7 h 500729"/>
              <a:gd name="connsiteX35" fmla="*/ 2415959 w 2761964"/>
              <a:gd name="connsiteY35" fmla="*/ 492545 h 500729"/>
              <a:gd name="connsiteX36" fmla="*/ 2502541 w 2761964"/>
              <a:gd name="connsiteY36" fmla="*/ 492545 h 500729"/>
              <a:gd name="connsiteX37" fmla="*/ 2511304 w 2761964"/>
              <a:gd name="connsiteY37" fmla="*/ 443301 h 500729"/>
              <a:gd name="connsiteX38" fmla="*/ 2528830 w 2761964"/>
              <a:gd name="connsiteY38" fmla="*/ 335382 h 500729"/>
              <a:gd name="connsiteX39" fmla="*/ 2620461 w 2761964"/>
              <a:gd name="connsiteY39" fmla="*/ 431394 h 500729"/>
              <a:gd name="connsiteX40" fmla="*/ 2634272 w 2761964"/>
              <a:gd name="connsiteY40" fmla="*/ 492545 h 500729"/>
              <a:gd name="connsiteX41" fmla="*/ 2722759 w 2761964"/>
              <a:gd name="connsiteY41" fmla="*/ 492545 h 500729"/>
              <a:gd name="connsiteX42" fmla="*/ 2686278 w 2761964"/>
              <a:gd name="connsiteY42" fmla="*/ 363005 h 500729"/>
              <a:gd name="connsiteX43" fmla="*/ 2619603 w 2761964"/>
              <a:gd name="connsiteY43" fmla="*/ 292520 h 500729"/>
              <a:gd name="connsiteX44" fmla="*/ 247212 w 2761964"/>
              <a:gd name="connsiteY44" fmla="*/ 272517 h 500729"/>
              <a:gd name="connsiteX45" fmla="*/ 351987 w 2761964"/>
              <a:gd name="connsiteY45" fmla="*/ 174124 h 500729"/>
              <a:gd name="connsiteX46" fmla="*/ 217113 w 2761964"/>
              <a:gd name="connsiteY46" fmla="*/ 12199 h 500729"/>
              <a:gd name="connsiteX47" fmla="*/ 83763 w 2761964"/>
              <a:gd name="connsiteY47" fmla="*/ 12199 h 500729"/>
              <a:gd name="connsiteX48" fmla="*/ -153 w 2761964"/>
              <a:gd name="connsiteY48" fmla="*/ 492545 h 500729"/>
              <a:gd name="connsiteX49" fmla="*/ 87001 w 2761964"/>
              <a:gd name="connsiteY49" fmla="*/ 492545 h 500729"/>
              <a:gd name="connsiteX50" fmla="*/ 121767 w 2761964"/>
              <a:gd name="connsiteY50" fmla="*/ 300045 h 500729"/>
              <a:gd name="connsiteX51" fmla="*/ 227114 w 2761964"/>
              <a:gd name="connsiteY51" fmla="*/ 411011 h 500729"/>
              <a:gd name="connsiteX52" fmla="*/ 240925 w 2761964"/>
              <a:gd name="connsiteY52" fmla="*/ 492926 h 500729"/>
              <a:gd name="connsiteX53" fmla="*/ 331317 w 2761964"/>
              <a:gd name="connsiteY53" fmla="*/ 492926 h 500729"/>
              <a:gd name="connsiteX54" fmla="*/ 305028 w 2761964"/>
              <a:gd name="connsiteY54" fmla="*/ 359004 h 500729"/>
              <a:gd name="connsiteX55" fmla="*/ 243306 w 2761964"/>
              <a:gd name="connsiteY55" fmla="*/ 273851 h 500729"/>
              <a:gd name="connsiteX56" fmla="*/ 264833 w 2761964"/>
              <a:gd name="connsiteY56" fmla="*/ 158217 h 500729"/>
              <a:gd name="connsiteX57" fmla="*/ 183394 w 2761964"/>
              <a:gd name="connsiteY57" fmla="*/ 230798 h 500729"/>
              <a:gd name="connsiteX58" fmla="*/ 131959 w 2761964"/>
              <a:gd name="connsiteY58" fmla="*/ 230798 h 500729"/>
              <a:gd name="connsiteX59" fmla="*/ 158629 w 2761964"/>
              <a:gd name="connsiteY59" fmla="*/ 79160 h 500729"/>
              <a:gd name="connsiteX60" fmla="*/ 205397 w 2761964"/>
              <a:gd name="connsiteY60" fmla="*/ 79160 h 500729"/>
              <a:gd name="connsiteX61" fmla="*/ 265309 w 2761964"/>
              <a:gd name="connsiteY61" fmla="*/ 158122 h 500729"/>
              <a:gd name="connsiteX62" fmla="*/ 659073 w 2761964"/>
              <a:gd name="connsiteY62" fmla="*/ 248991 h 500729"/>
              <a:gd name="connsiteX63" fmla="*/ 554298 w 2761964"/>
              <a:gd name="connsiteY63" fmla="*/ 151169 h 500729"/>
              <a:gd name="connsiteX64" fmla="*/ 413804 w 2761964"/>
              <a:gd name="connsiteY64" fmla="*/ 197556 h 500729"/>
              <a:gd name="connsiteX65" fmla="*/ 443903 w 2761964"/>
              <a:gd name="connsiteY65" fmla="*/ 248419 h 500729"/>
              <a:gd name="connsiteX66" fmla="*/ 538677 w 2761964"/>
              <a:gd name="connsiteY66" fmla="*/ 211367 h 500729"/>
              <a:gd name="connsiteX67" fmla="*/ 571252 w 2761964"/>
              <a:gd name="connsiteY67" fmla="*/ 248419 h 500729"/>
              <a:gd name="connsiteX68" fmla="*/ 564394 w 2761964"/>
              <a:gd name="connsiteY68" fmla="*/ 291663 h 500729"/>
              <a:gd name="connsiteX69" fmla="*/ 359226 w 2761964"/>
              <a:gd name="connsiteY69" fmla="*/ 398343 h 500729"/>
              <a:gd name="connsiteX70" fmla="*/ 455142 w 2761964"/>
              <a:gd name="connsiteY70" fmla="*/ 498736 h 500729"/>
              <a:gd name="connsiteX71" fmla="*/ 537343 w 2761964"/>
              <a:gd name="connsiteY71" fmla="*/ 469209 h 500729"/>
              <a:gd name="connsiteX72" fmla="*/ 564394 w 2761964"/>
              <a:gd name="connsiteY72" fmla="*/ 496069 h 500729"/>
              <a:gd name="connsiteX73" fmla="*/ 623354 w 2761964"/>
              <a:gd name="connsiteY73" fmla="*/ 488640 h 500729"/>
              <a:gd name="connsiteX74" fmla="*/ 634022 w 2761964"/>
              <a:gd name="connsiteY74" fmla="*/ 392723 h 500729"/>
              <a:gd name="connsiteX75" fmla="*/ 555726 w 2761964"/>
              <a:gd name="connsiteY75" fmla="*/ 337383 h 500729"/>
              <a:gd name="connsiteX76" fmla="*/ 480765 w 2761964"/>
              <a:gd name="connsiteY76" fmla="*/ 446444 h 500729"/>
              <a:gd name="connsiteX77" fmla="*/ 441617 w 2761964"/>
              <a:gd name="connsiteY77" fmla="*/ 394723 h 500729"/>
              <a:gd name="connsiteX78" fmla="*/ 555726 w 2761964"/>
              <a:gd name="connsiteY78" fmla="*/ 337383 h 500729"/>
              <a:gd name="connsiteX79" fmla="*/ 2042769 w 2761964"/>
              <a:gd name="connsiteY79" fmla="*/ 248895 h 500729"/>
              <a:gd name="connsiteX80" fmla="*/ 1937994 w 2761964"/>
              <a:gd name="connsiteY80" fmla="*/ 151074 h 500729"/>
              <a:gd name="connsiteX81" fmla="*/ 1797501 w 2761964"/>
              <a:gd name="connsiteY81" fmla="*/ 197460 h 500729"/>
              <a:gd name="connsiteX82" fmla="*/ 1827600 w 2761964"/>
              <a:gd name="connsiteY82" fmla="*/ 248324 h 500729"/>
              <a:gd name="connsiteX83" fmla="*/ 1922374 w 2761964"/>
              <a:gd name="connsiteY83" fmla="*/ 211271 h 500729"/>
              <a:gd name="connsiteX84" fmla="*/ 1954949 w 2761964"/>
              <a:gd name="connsiteY84" fmla="*/ 248324 h 500729"/>
              <a:gd name="connsiteX85" fmla="*/ 1948091 w 2761964"/>
              <a:gd name="connsiteY85" fmla="*/ 291567 h 500729"/>
              <a:gd name="connsiteX86" fmla="*/ 1742923 w 2761964"/>
              <a:gd name="connsiteY86" fmla="*/ 398247 h 500729"/>
              <a:gd name="connsiteX87" fmla="*/ 1838839 w 2761964"/>
              <a:gd name="connsiteY87" fmla="*/ 498641 h 500729"/>
              <a:gd name="connsiteX88" fmla="*/ 1921040 w 2761964"/>
              <a:gd name="connsiteY88" fmla="*/ 469113 h 500729"/>
              <a:gd name="connsiteX89" fmla="*/ 1948091 w 2761964"/>
              <a:gd name="connsiteY89" fmla="*/ 495974 h 500729"/>
              <a:gd name="connsiteX90" fmla="*/ 2007051 w 2761964"/>
              <a:gd name="connsiteY90" fmla="*/ 488544 h 500729"/>
              <a:gd name="connsiteX91" fmla="*/ 2017719 w 2761964"/>
              <a:gd name="connsiteY91" fmla="*/ 392628 h 500729"/>
              <a:gd name="connsiteX92" fmla="*/ 1939233 w 2761964"/>
              <a:gd name="connsiteY92" fmla="*/ 337383 h 500729"/>
              <a:gd name="connsiteX93" fmla="*/ 1864271 w 2761964"/>
              <a:gd name="connsiteY93" fmla="*/ 446444 h 500729"/>
              <a:gd name="connsiteX94" fmla="*/ 1825123 w 2761964"/>
              <a:gd name="connsiteY94" fmla="*/ 394723 h 500729"/>
              <a:gd name="connsiteX95" fmla="*/ 1939518 w 2761964"/>
              <a:gd name="connsiteY95" fmla="*/ 337383 h 500729"/>
              <a:gd name="connsiteX96" fmla="*/ 834333 w 2761964"/>
              <a:gd name="connsiteY96" fmla="*/ 498641 h 500729"/>
              <a:gd name="connsiteX97" fmla="*/ 1014450 w 2761964"/>
              <a:gd name="connsiteY97" fmla="*/ 326048 h 500729"/>
              <a:gd name="connsiteX98" fmla="*/ 903389 w 2761964"/>
              <a:gd name="connsiteY98" fmla="*/ 151645 h 500729"/>
              <a:gd name="connsiteX99" fmla="*/ 824522 w 2761964"/>
              <a:gd name="connsiteY99" fmla="*/ 164885 h 500729"/>
              <a:gd name="connsiteX100" fmla="*/ 853097 w 2761964"/>
              <a:gd name="connsiteY100" fmla="*/ -183 h 500729"/>
              <a:gd name="connsiteX101" fmla="*/ 766324 w 2761964"/>
              <a:gd name="connsiteY101" fmla="*/ -183 h 500729"/>
              <a:gd name="connsiteX102" fmla="*/ 680599 w 2761964"/>
              <a:gd name="connsiteY102" fmla="*/ 492640 h 500729"/>
              <a:gd name="connsiteX103" fmla="*/ 745845 w 2761964"/>
              <a:gd name="connsiteY103" fmla="*/ 492640 h 500729"/>
              <a:gd name="connsiteX104" fmla="*/ 764895 w 2761964"/>
              <a:gd name="connsiteY104" fmla="*/ 472257 h 500729"/>
              <a:gd name="connsiteX105" fmla="*/ 834523 w 2761964"/>
              <a:gd name="connsiteY105" fmla="*/ 498641 h 500729"/>
              <a:gd name="connsiteX106" fmla="*/ 870718 w 2761964"/>
              <a:gd name="connsiteY106" fmla="*/ 215653 h 500729"/>
              <a:gd name="connsiteX107" fmla="*/ 923677 w 2761964"/>
              <a:gd name="connsiteY107" fmla="*/ 322905 h 500729"/>
              <a:gd name="connsiteX108" fmla="*/ 826236 w 2761964"/>
              <a:gd name="connsiteY108" fmla="*/ 437205 h 500729"/>
              <a:gd name="connsiteX109" fmla="*/ 785469 w 2761964"/>
              <a:gd name="connsiteY109" fmla="*/ 384531 h 500729"/>
              <a:gd name="connsiteX110" fmla="*/ 801757 w 2761964"/>
              <a:gd name="connsiteY110" fmla="*/ 282900 h 500729"/>
              <a:gd name="connsiteX111" fmla="*/ 870147 w 2761964"/>
              <a:gd name="connsiteY111" fmla="*/ 215748 h 500729"/>
              <a:gd name="connsiteX112" fmla="*/ 1051026 w 2761964"/>
              <a:gd name="connsiteY112" fmla="*/ 352813 h 500729"/>
              <a:gd name="connsiteX113" fmla="*/ 1255528 w 2761964"/>
              <a:gd name="connsiteY113" fmla="*/ 149740 h 500729"/>
              <a:gd name="connsiteX114" fmla="*/ 1374972 w 2761964"/>
              <a:gd name="connsiteY114" fmla="*/ 307855 h 500729"/>
              <a:gd name="connsiteX115" fmla="*/ 1174947 w 2761964"/>
              <a:gd name="connsiteY115" fmla="*/ 500546 h 500729"/>
              <a:gd name="connsiteX116" fmla="*/ 1051026 w 2761964"/>
              <a:gd name="connsiteY116" fmla="*/ 352813 h 500729"/>
              <a:gd name="connsiteX117" fmla="*/ 1283913 w 2761964"/>
              <a:gd name="connsiteY117" fmla="*/ 313951 h 500729"/>
              <a:gd name="connsiteX118" fmla="*/ 1237431 w 2761964"/>
              <a:gd name="connsiteY118" fmla="*/ 211938 h 500729"/>
              <a:gd name="connsiteX119" fmla="*/ 1143038 w 2761964"/>
              <a:gd name="connsiteY119" fmla="*/ 334525 h 500729"/>
              <a:gd name="connsiteX120" fmla="*/ 1190663 w 2761964"/>
              <a:gd name="connsiteY120" fmla="*/ 439300 h 500729"/>
              <a:gd name="connsiteX121" fmla="*/ 1284008 w 2761964"/>
              <a:gd name="connsiteY121" fmla="*/ 313951 h 500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Lst>
            <a:rect l="l" t="t" r="r" b="b"/>
            <a:pathLst>
              <a:path w="2761964" h="500729">
                <a:moveTo>
                  <a:pt x="1634337" y="322905"/>
                </a:moveTo>
                <a:cubicBezTo>
                  <a:pt x="1622622" y="397866"/>
                  <a:pt x="1583950" y="437205"/>
                  <a:pt x="1537468" y="437205"/>
                </a:cubicBezTo>
                <a:cubicBezTo>
                  <a:pt x="1508036" y="437205"/>
                  <a:pt x="1491082" y="416535"/>
                  <a:pt x="1496034" y="384531"/>
                </a:cubicBezTo>
                <a:lnTo>
                  <a:pt x="1512417" y="282900"/>
                </a:lnTo>
                <a:cubicBezTo>
                  <a:pt x="1518704" y="245276"/>
                  <a:pt x="1540992" y="215748"/>
                  <a:pt x="1581378" y="215748"/>
                </a:cubicBezTo>
                <a:cubicBezTo>
                  <a:pt x="1625955" y="215653"/>
                  <a:pt x="1646339" y="245943"/>
                  <a:pt x="1634337" y="322905"/>
                </a:cubicBezTo>
                <a:close/>
                <a:moveTo>
                  <a:pt x="1475365" y="472257"/>
                </a:moveTo>
                <a:cubicBezTo>
                  <a:pt x="1481652" y="472257"/>
                  <a:pt x="1496701" y="498641"/>
                  <a:pt x="1545660" y="498641"/>
                </a:cubicBezTo>
                <a:cubicBezTo>
                  <a:pt x="1649768" y="498641"/>
                  <a:pt x="1709394" y="423298"/>
                  <a:pt x="1725682" y="326048"/>
                </a:cubicBezTo>
                <a:cubicBezTo>
                  <a:pt x="1746447" y="206319"/>
                  <a:pt x="1688058" y="151645"/>
                  <a:pt x="1614716" y="151645"/>
                </a:cubicBezTo>
                <a:cubicBezTo>
                  <a:pt x="1580140" y="151645"/>
                  <a:pt x="1554327" y="154788"/>
                  <a:pt x="1535468" y="164885"/>
                </a:cubicBezTo>
                <a:lnTo>
                  <a:pt x="1564043" y="-183"/>
                </a:lnTo>
                <a:lnTo>
                  <a:pt x="1477556" y="-183"/>
                </a:lnTo>
                <a:lnTo>
                  <a:pt x="1391831" y="492640"/>
                </a:lnTo>
                <a:lnTo>
                  <a:pt x="1457077" y="492640"/>
                </a:lnTo>
                <a:cubicBezTo>
                  <a:pt x="1457077" y="492640"/>
                  <a:pt x="1466602" y="472257"/>
                  <a:pt x="1476127" y="472257"/>
                </a:cubicBezTo>
                <a:close/>
                <a:moveTo>
                  <a:pt x="2395957" y="261945"/>
                </a:moveTo>
                <a:cubicBezTo>
                  <a:pt x="2409196" y="187364"/>
                  <a:pt x="2381574" y="150978"/>
                  <a:pt x="2300707" y="150978"/>
                </a:cubicBezTo>
                <a:cubicBezTo>
                  <a:pt x="2240509" y="150978"/>
                  <a:pt x="2216791" y="177458"/>
                  <a:pt x="2194217" y="200127"/>
                </a:cubicBezTo>
                <a:lnTo>
                  <a:pt x="2196408" y="158503"/>
                </a:lnTo>
                <a:lnTo>
                  <a:pt x="2116302" y="158503"/>
                </a:lnTo>
                <a:lnTo>
                  <a:pt x="2110111" y="220130"/>
                </a:lnTo>
                <a:lnTo>
                  <a:pt x="2063629" y="492069"/>
                </a:lnTo>
                <a:lnTo>
                  <a:pt x="2151450" y="492069"/>
                </a:lnTo>
                <a:lnTo>
                  <a:pt x="2180025" y="315475"/>
                </a:lnTo>
                <a:cubicBezTo>
                  <a:pt x="2189550" y="254610"/>
                  <a:pt x="2232126" y="208128"/>
                  <a:pt x="2271560" y="208128"/>
                </a:cubicBezTo>
                <a:cubicBezTo>
                  <a:pt x="2315566" y="208128"/>
                  <a:pt x="2314994" y="233274"/>
                  <a:pt x="2308136" y="271565"/>
                </a:cubicBezTo>
                <a:lnTo>
                  <a:pt x="2270036" y="492069"/>
                </a:lnTo>
                <a:lnTo>
                  <a:pt x="2357094" y="492069"/>
                </a:lnTo>
                <a:close/>
                <a:moveTo>
                  <a:pt x="2761812" y="151550"/>
                </a:moveTo>
                <a:lnTo>
                  <a:pt x="2659513" y="151550"/>
                </a:lnTo>
                <a:lnTo>
                  <a:pt x="2541975" y="276232"/>
                </a:lnTo>
                <a:lnTo>
                  <a:pt x="2540260" y="276232"/>
                </a:lnTo>
                <a:lnTo>
                  <a:pt x="2587409" y="7"/>
                </a:lnTo>
                <a:lnTo>
                  <a:pt x="2501684" y="7"/>
                </a:lnTo>
                <a:lnTo>
                  <a:pt x="2415959" y="492545"/>
                </a:lnTo>
                <a:lnTo>
                  <a:pt x="2502541" y="492545"/>
                </a:lnTo>
                <a:lnTo>
                  <a:pt x="2511304" y="443301"/>
                </a:lnTo>
                <a:lnTo>
                  <a:pt x="2528830" y="335382"/>
                </a:lnTo>
                <a:cubicBezTo>
                  <a:pt x="2574645" y="335382"/>
                  <a:pt x="2600363" y="340431"/>
                  <a:pt x="2620461" y="431394"/>
                </a:cubicBezTo>
                <a:lnTo>
                  <a:pt x="2634272" y="492545"/>
                </a:lnTo>
                <a:lnTo>
                  <a:pt x="2722759" y="492545"/>
                </a:lnTo>
                <a:cubicBezTo>
                  <a:pt x="2722759" y="492545"/>
                  <a:pt x="2700757" y="399390"/>
                  <a:pt x="2686278" y="363005"/>
                </a:cubicBezTo>
                <a:cubicBezTo>
                  <a:pt x="2671229" y="324905"/>
                  <a:pt x="2654751" y="299473"/>
                  <a:pt x="2619603" y="292520"/>
                </a:cubicBezTo>
                <a:close/>
                <a:moveTo>
                  <a:pt x="247212" y="272517"/>
                </a:moveTo>
                <a:cubicBezTo>
                  <a:pt x="297437" y="261230"/>
                  <a:pt x="337566" y="223549"/>
                  <a:pt x="351987" y="174124"/>
                </a:cubicBezTo>
                <a:cubicBezTo>
                  <a:pt x="374561" y="82494"/>
                  <a:pt x="333794" y="11056"/>
                  <a:pt x="217113" y="12199"/>
                </a:cubicBezTo>
                <a:lnTo>
                  <a:pt x="83763" y="12199"/>
                </a:lnTo>
                <a:lnTo>
                  <a:pt x="-153" y="492545"/>
                </a:lnTo>
                <a:lnTo>
                  <a:pt x="87001" y="492545"/>
                </a:lnTo>
                <a:lnTo>
                  <a:pt x="121767" y="300045"/>
                </a:lnTo>
                <a:cubicBezTo>
                  <a:pt x="202158" y="297854"/>
                  <a:pt x="211969" y="317380"/>
                  <a:pt x="227114" y="411011"/>
                </a:cubicBezTo>
                <a:lnTo>
                  <a:pt x="240925" y="492926"/>
                </a:lnTo>
                <a:lnTo>
                  <a:pt x="331317" y="492926"/>
                </a:lnTo>
                <a:cubicBezTo>
                  <a:pt x="320745" y="443396"/>
                  <a:pt x="313791" y="396628"/>
                  <a:pt x="305028" y="359004"/>
                </a:cubicBezTo>
                <a:cubicBezTo>
                  <a:pt x="295503" y="319476"/>
                  <a:pt x="280930" y="288519"/>
                  <a:pt x="243306" y="273851"/>
                </a:cubicBezTo>
                <a:close/>
                <a:moveTo>
                  <a:pt x="264833" y="158217"/>
                </a:moveTo>
                <a:cubicBezTo>
                  <a:pt x="257308" y="200889"/>
                  <a:pt x="224256" y="230798"/>
                  <a:pt x="183394" y="230798"/>
                </a:cubicBezTo>
                <a:lnTo>
                  <a:pt x="131959" y="230798"/>
                </a:lnTo>
                <a:lnTo>
                  <a:pt x="158629" y="79160"/>
                </a:lnTo>
                <a:lnTo>
                  <a:pt x="205397" y="79160"/>
                </a:lnTo>
                <a:cubicBezTo>
                  <a:pt x="261404" y="78874"/>
                  <a:pt x="272167" y="115450"/>
                  <a:pt x="265309" y="158122"/>
                </a:cubicBezTo>
                <a:close/>
                <a:moveTo>
                  <a:pt x="659073" y="248991"/>
                </a:moveTo>
                <a:cubicBezTo>
                  <a:pt x="671550" y="176220"/>
                  <a:pt x="632688" y="151169"/>
                  <a:pt x="554298" y="151169"/>
                </a:cubicBezTo>
                <a:cubicBezTo>
                  <a:pt x="456476" y="151169"/>
                  <a:pt x="413804" y="197556"/>
                  <a:pt x="413804" y="197556"/>
                </a:cubicBezTo>
                <a:lnTo>
                  <a:pt x="443903" y="248419"/>
                </a:lnTo>
                <a:cubicBezTo>
                  <a:pt x="469020" y="223511"/>
                  <a:pt x="503329" y="210100"/>
                  <a:pt x="538677" y="211367"/>
                </a:cubicBezTo>
                <a:cubicBezTo>
                  <a:pt x="573919" y="211367"/>
                  <a:pt x="574681" y="229274"/>
                  <a:pt x="571252" y="248419"/>
                </a:cubicBezTo>
                <a:lnTo>
                  <a:pt x="564394" y="291663"/>
                </a:lnTo>
                <a:cubicBezTo>
                  <a:pt x="438283" y="288519"/>
                  <a:pt x="373894" y="315475"/>
                  <a:pt x="359226" y="398343"/>
                </a:cubicBezTo>
                <a:cubicBezTo>
                  <a:pt x="347319" y="466065"/>
                  <a:pt x="398088" y="498736"/>
                  <a:pt x="455142" y="498736"/>
                </a:cubicBezTo>
                <a:cubicBezTo>
                  <a:pt x="485441" y="500622"/>
                  <a:pt x="515169" y="489944"/>
                  <a:pt x="537343" y="469209"/>
                </a:cubicBezTo>
                <a:cubicBezTo>
                  <a:pt x="540553" y="482563"/>
                  <a:pt x="551021" y="492954"/>
                  <a:pt x="564394" y="496069"/>
                </a:cubicBezTo>
                <a:cubicBezTo>
                  <a:pt x="582587" y="499784"/>
                  <a:pt x="613924" y="496069"/>
                  <a:pt x="623354" y="488640"/>
                </a:cubicBezTo>
                <a:cubicBezTo>
                  <a:pt x="622687" y="479115"/>
                  <a:pt x="623354" y="452921"/>
                  <a:pt x="634022" y="392723"/>
                </a:cubicBezTo>
                <a:close/>
                <a:moveTo>
                  <a:pt x="555726" y="337383"/>
                </a:moveTo>
                <a:cubicBezTo>
                  <a:pt x="541725" y="436538"/>
                  <a:pt x="528485" y="446444"/>
                  <a:pt x="480765" y="446444"/>
                </a:cubicBezTo>
                <a:cubicBezTo>
                  <a:pt x="448189" y="446444"/>
                  <a:pt x="435997" y="424060"/>
                  <a:pt x="441617" y="394723"/>
                </a:cubicBezTo>
                <a:cubicBezTo>
                  <a:pt x="449427" y="354813"/>
                  <a:pt x="479526" y="337383"/>
                  <a:pt x="555726" y="337383"/>
                </a:cubicBezTo>
                <a:close/>
                <a:moveTo>
                  <a:pt x="2042769" y="248895"/>
                </a:moveTo>
                <a:cubicBezTo>
                  <a:pt x="2055247" y="176124"/>
                  <a:pt x="2016385" y="151074"/>
                  <a:pt x="1937994" y="151074"/>
                </a:cubicBezTo>
                <a:cubicBezTo>
                  <a:pt x="1840173" y="151074"/>
                  <a:pt x="1797501" y="197460"/>
                  <a:pt x="1797501" y="197460"/>
                </a:cubicBezTo>
                <a:lnTo>
                  <a:pt x="1827600" y="248324"/>
                </a:lnTo>
                <a:cubicBezTo>
                  <a:pt x="1852717" y="223416"/>
                  <a:pt x="1887026" y="210005"/>
                  <a:pt x="1922374" y="211271"/>
                </a:cubicBezTo>
                <a:cubicBezTo>
                  <a:pt x="1957616" y="211271"/>
                  <a:pt x="1958378" y="229179"/>
                  <a:pt x="1954949" y="248324"/>
                </a:cubicBezTo>
                <a:lnTo>
                  <a:pt x="1948091" y="291567"/>
                </a:lnTo>
                <a:cubicBezTo>
                  <a:pt x="1821980" y="288424"/>
                  <a:pt x="1757591" y="315380"/>
                  <a:pt x="1742923" y="398247"/>
                </a:cubicBezTo>
                <a:cubicBezTo>
                  <a:pt x="1731016" y="465970"/>
                  <a:pt x="1781784" y="498641"/>
                  <a:pt x="1838839" y="498641"/>
                </a:cubicBezTo>
                <a:cubicBezTo>
                  <a:pt x="1869138" y="500527"/>
                  <a:pt x="1898866" y="489849"/>
                  <a:pt x="1921040" y="469113"/>
                </a:cubicBezTo>
                <a:cubicBezTo>
                  <a:pt x="1924250" y="482467"/>
                  <a:pt x="1934718" y="492859"/>
                  <a:pt x="1948091" y="495974"/>
                </a:cubicBezTo>
                <a:cubicBezTo>
                  <a:pt x="1966284" y="499689"/>
                  <a:pt x="1997621" y="495974"/>
                  <a:pt x="2007051" y="488544"/>
                </a:cubicBezTo>
                <a:cubicBezTo>
                  <a:pt x="2006384" y="479019"/>
                  <a:pt x="2007051" y="452826"/>
                  <a:pt x="2017719" y="392628"/>
                </a:cubicBezTo>
                <a:close/>
                <a:moveTo>
                  <a:pt x="1939233" y="337383"/>
                </a:moveTo>
                <a:cubicBezTo>
                  <a:pt x="1925231" y="436538"/>
                  <a:pt x="1911991" y="446444"/>
                  <a:pt x="1864271" y="446444"/>
                </a:cubicBezTo>
                <a:cubicBezTo>
                  <a:pt x="1831695" y="446444"/>
                  <a:pt x="1819503" y="424060"/>
                  <a:pt x="1825123" y="394723"/>
                </a:cubicBezTo>
                <a:cubicBezTo>
                  <a:pt x="1832934" y="354813"/>
                  <a:pt x="1863128" y="337383"/>
                  <a:pt x="1939518" y="337383"/>
                </a:cubicBezTo>
                <a:close/>
                <a:moveTo>
                  <a:pt x="834333" y="498641"/>
                </a:moveTo>
                <a:cubicBezTo>
                  <a:pt x="938536" y="498641"/>
                  <a:pt x="998163" y="423298"/>
                  <a:pt x="1014450" y="326048"/>
                </a:cubicBezTo>
                <a:cubicBezTo>
                  <a:pt x="1035119" y="206319"/>
                  <a:pt x="976350" y="151645"/>
                  <a:pt x="903389" y="151645"/>
                </a:cubicBezTo>
                <a:cubicBezTo>
                  <a:pt x="868908" y="151645"/>
                  <a:pt x="843953" y="154788"/>
                  <a:pt x="824522" y="164885"/>
                </a:cubicBezTo>
                <a:lnTo>
                  <a:pt x="853097" y="-183"/>
                </a:lnTo>
                <a:lnTo>
                  <a:pt x="766324" y="-183"/>
                </a:lnTo>
                <a:lnTo>
                  <a:pt x="680599" y="492640"/>
                </a:lnTo>
                <a:lnTo>
                  <a:pt x="745845" y="492640"/>
                </a:lnTo>
                <a:cubicBezTo>
                  <a:pt x="745845" y="492640"/>
                  <a:pt x="755370" y="472257"/>
                  <a:pt x="764895" y="472257"/>
                </a:cubicBezTo>
                <a:cubicBezTo>
                  <a:pt x="770515" y="472257"/>
                  <a:pt x="785660" y="498641"/>
                  <a:pt x="834523" y="498641"/>
                </a:cubicBezTo>
                <a:close/>
                <a:moveTo>
                  <a:pt x="870718" y="215653"/>
                </a:moveTo>
                <a:cubicBezTo>
                  <a:pt x="915295" y="215653"/>
                  <a:pt x="934250" y="245752"/>
                  <a:pt x="923677" y="322905"/>
                </a:cubicBezTo>
                <a:cubicBezTo>
                  <a:pt x="912914" y="401772"/>
                  <a:pt x="873290" y="437205"/>
                  <a:pt x="826236" y="437205"/>
                </a:cubicBezTo>
                <a:cubicBezTo>
                  <a:pt x="796709" y="437205"/>
                  <a:pt x="779754" y="416535"/>
                  <a:pt x="785469" y="384531"/>
                </a:cubicBezTo>
                <a:lnTo>
                  <a:pt x="801757" y="282900"/>
                </a:lnTo>
                <a:cubicBezTo>
                  <a:pt x="808044" y="245276"/>
                  <a:pt x="830332" y="215748"/>
                  <a:pt x="870147" y="215748"/>
                </a:cubicBezTo>
                <a:close/>
                <a:moveTo>
                  <a:pt x="1051026" y="352813"/>
                </a:moveTo>
                <a:cubicBezTo>
                  <a:pt x="1064457" y="227369"/>
                  <a:pt x="1121035" y="149740"/>
                  <a:pt x="1255528" y="149740"/>
                </a:cubicBezTo>
                <a:cubicBezTo>
                  <a:pt x="1355350" y="149740"/>
                  <a:pt x="1388307" y="225940"/>
                  <a:pt x="1374972" y="307855"/>
                </a:cubicBezTo>
                <a:cubicBezTo>
                  <a:pt x="1353445" y="438824"/>
                  <a:pt x="1302486" y="500546"/>
                  <a:pt x="1174947" y="500546"/>
                </a:cubicBezTo>
                <a:cubicBezTo>
                  <a:pt x="1091698" y="500546"/>
                  <a:pt x="1042644" y="433395"/>
                  <a:pt x="1051026" y="352813"/>
                </a:cubicBezTo>
                <a:close/>
                <a:moveTo>
                  <a:pt x="1283913" y="313951"/>
                </a:moveTo>
                <a:cubicBezTo>
                  <a:pt x="1290294" y="279280"/>
                  <a:pt x="1297152" y="211938"/>
                  <a:pt x="1237431" y="211938"/>
                </a:cubicBezTo>
                <a:cubicBezTo>
                  <a:pt x="1197330" y="211938"/>
                  <a:pt x="1159802" y="239085"/>
                  <a:pt x="1143038" y="334525"/>
                </a:cubicBezTo>
                <a:cubicBezTo>
                  <a:pt x="1132751" y="392723"/>
                  <a:pt x="1143990" y="439300"/>
                  <a:pt x="1190663" y="439300"/>
                </a:cubicBezTo>
                <a:cubicBezTo>
                  <a:pt x="1224572" y="439491"/>
                  <a:pt x="1266006" y="411392"/>
                  <a:pt x="1284008" y="313951"/>
                </a:cubicBezTo>
                <a:close/>
              </a:path>
            </a:pathLst>
          </a:custGeom>
          <a:solidFill>
            <a:srgbClr val="000099"/>
          </a:solidFill>
          <a:ln w="9525" cap="flat">
            <a:noFill/>
            <a:prstDash val="solid"/>
            <a:miter/>
          </a:ln>
        </p:spPr>
        <p:txBody>
          <a:bodyPr rtlCol="0" anchor="ctr">
            <a:noAutofit/>
          </a:bodyPr>
          <a:lstStyle/>
          <a:p>
            <a:endParaRPr lang="en-GB" noProof="0"/>
          </a:p>
        </p:txBody>
      </p:sp>
      <p:sp>
        <p:nvSpPr>
          <p:cNvPr id="16" name="Content Placeholder 2">
            <a:extLst>
              <a:ext uri="{FF2B5EF4-FFF2-40B4-BE49-F238E27FC236}">
                <a16:creationId xmlns:a16="http://schemas.microsoft.com/office/drawing/2014/main" id="{9669E386-A6C5-4FD8-8774-6CA0D3F1AA16}"/>
              </a:ext>
            </a:extLst>
          </p:cNvPr>
          <p:cNvSpPr>
            <a:spLocks noGrp="1"/>
          </p:cNvSpPr>
          <p:nvPr>
            <p:ph idx="15"/>
          </p:nvPr>
        </p:nvSpPr>
        <p:spPr>
          <a:xfrm>
            <a:off x="609599" y="1825624"/>
            <a:ext cx="7498079" cy="375320"/>
          </a:xfrm>
        </p:spPr>
        <p:txBody>
          <a:bodyPr>
            <a:noAutofit/>
          </a:bodyPr>
          <a:lstStyle>
            <a:lvl1pPr>
              <a:defRPr sz="1800">
                <a:solidFill>
                  <a:schemeClr val="accent1"/>
                </a:solidFill>
                <a:latin typeface="+mj-lt"/>
              </a:defRPr>
            </a:lvl1pPr>
          </a:lstStyle>
          <a:p>
            <a:pPr lvl="0"/>
            <a:r>
              <a:rPr lang="en-GB"/>
              <a:t>Click to edit Master text styles</a:t>
            </a:r>
          </a:p>
        </p:txBody>
      </p:sp>
    </p:spTree>
    <p:extLst>
      <p:ext uri="{BB962C8B-B14F-4D97-AF65-F5344CB8AC3E}">
        <p14:creationId xmlns:p14="http://schemas.microsoft.com/office/powerpoint/2010/main" val="105626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CAEC57C-3028-455B-B45B-B66D7EA4E881}"/>
              </a:ext>
            </a:extLst>
          </p:cNvPr>
          <p:cNvSpPr>
            <a:spLocks noGrp="1"/>
          </p:cNvSpPr>
          <p:nvPr>
            <p:ph type="title"/>
          </p:nvPr>
        </p:nvSpPr>
        <p:spPr>
          <a:xfrm>
            <a:off x="609600" y="585787"/>
            <a:ext cx="10945792" cy="640585"/>
          </a:xfrm>
          <a:prstGeom prst="rect">
            <a:avLst/>
          </a:prstGeom>
        </p:spPr>
        <p:txBody>
          <a:bodyPr vert="horz" lIns="0" tIns="0" rIns="0" bIns="0" rtlCol="0" anchor="t" anchorCtr="0">
            <a:noAutofit/>
          </a:bodyPr>
          <a:lstStyle/>
          <a:p>
            <a:r>
              <a:rPr lang="en-US" dirty="0"/>
              <a:t>Heading 1</a:t>
            </a:r>
            <a:endParaRPr lang="en-GB" dirty="0"/>
          </a:p>
        </p:txBody>
      </p:sp>
      <p:sp>
        <p:nvSpPr>
          <p:cNvPr id="3" name="Text Placeholder 2">
            <a:extLst>
              <a:ext uri="{FF2B5EF4-FFF2-40B4-BE49-F238E27FC236}">
                <a16:creationId xmlns:a16="http://schemas.microsoft.com/office/drawing/2014/main" id="{6BD59806-D0B1-487D-BABC-A3A65F56B2C6}"/>
              </a:ext>
            </a:extLst>
          </p:cNvPr>
          <p:cNvSpPr>
            <a:spLocks noGrp="1"/>
          </p:cNvSpPr>
          <p:nvPr>
            <p:ph type="body" idx="1"/>
          </p:nvPr>
        </p:nvSpPr>
        <p:spPr>
          <a:xfrm>
            <a:off x="609600" y="1825625"/>
            <a:ext cx="10945792" cy="4257017"/>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Heading 3</a:t>
            </a:r>
            <a:endParaRPr lang="en-GB" dirty="0"/>
          </a:p>
        </p:txBody>
      </p:sp>
      <p:sp>
        <p:nvSpPr>
          <p:cNvPr id="6" name="Slide Number Placeholder 5">
            <a:extLst>
              <a:ext uri="{FF2B5EF4-FFF2-40B4-BE49-F238E27FC236}">
                <a16:creationId xmlns:a16="http://schemas.microsoft.com/office/drawing/2014/main" id="{495DF40C-C00B-41BF-BB3A-8B5DE830F445}"/>
              </a:ext>
            </a:extLst>
          </p:cNvPr>
          <p:cNvSpPr>
            <a:spLocks noGrp="1"/>
          </p:cNvSpPr>
          <p:nvPr>
            <p:ph type="sldNum" sz="quarter" idx="4"/>
          </p:nvPr>
        </p:nvSpPr>
        <p:spPr>
          <a:xfrm>
            <a:off x="609600" y="6356350"/>
            <a:ext cx="495300" cy="365125"/>
          </a:xfrm>
          <a:prstGeom prst="rect">
            <a:avLst/>
          </a:prstGeom>
        </p:spPr>
        <p:txBody>
          <a:bodyPr vert="horz" lIns="0" tIns="0" rIns="0" bIns="0" rtlCol="0" anchor="ctr">
            <a:noAutofit/>
          </a:bodyPr>
          <a:lstStyle>
            <a:lvl1pPr algn="l">
              <a:defRPr sz="1200">
                <a:solidFill>
                  <a:srgbClr val="D8D9DA"/>
                </a:solidFill>
              </a:defRPr>
            </a:lvl1pPr>
          </a:lstStyle>
          <a:p>
            <a:fld id="{555B1587-59F1-4FB5-A363-0505DAC627C3}" type="slidenum">
              <a:rPr lang="en-US" smtClean="0"/>
              <a:pPr/>
              <a:t>‹#›</a:t>
            </a:fld>
            <a:endParaRPr lang="en-US"/>
          </a:p>
        </p:txBody>
      </p:sp>
    </p:spTree>
    <p:extLst>
      <p:ext uri="{BB962C8B-B14F-4D97-AF65-F5344CB8AC3E}">
        <p14:creationId xmlns:p14="http://schemas.microsoft.com/office/powerpoint/2010/main" val="2352157268"/>
      </p:ext>
    </p:extLst>
  </p:cSld>
  <p:clrMap bg1="lt1" tx1="dk1" bg2="lt2" tx2="dk2" accent1="accent1" accent2="accent2" accent3="accent3" accent4="accent4" accent5="accent5" accent6="accent6" hlink="hlink" folHlink="folHlink"/>
  <p:sldLayoutIdLst>
    <p:sldLayoutId id="2147483649" r:id="rId1"/>
    <p:sldLayoutId id="2147483699" r:id="rId2"/>
    <p:sldLayoutId id="2147483668" r:id="rId3"/>
    <p:sldLayoutId id="2147483700" r:id="rId4"/>
    <p:sldLayoutId id="2147483650" r:id="rId5"/>
    <p:sldLayoutId id="2147483672" r:id="rId6"/>
    <p:sldLayoutId id="2147483673" r:id="rId7"/>
    <p:sldLayoutId id="2147483706" r:id="rId8"/>
    <p:sldLayoutId id="2147483674" r:id="rId9"/>
    <p:sldLayoutId id="2147483705" r:id="rId10"/>
    <p:sldLayoutId id="2147483675" r:id="rId11"/>
    <p:sldLayoutId id="2147483676" r:id="rId12"/>
    <p:sldLayoutId id="2147483680" r:id="rId13"/>
    <p:sldLayoutId id="2147483703" r:id="rId14"/>
    <p:sldLayoutId id="2147483681" r:id="rId15"/>
    <p:sldLayoutId id="2147483682" r:id="rId16"/>
    <p:sldLayoutId id="2147483677" r:id="rId17"/>
    <p:sldLayoutId id="2147483704" r:id="rId18"/>
    <p:sldLayoutId id="2147483678" r:id="rId19"/>
    <p:sldLayoutId id="2147483679" r:id="rId20"/>
    <p:sldLayoutId id="2147483683" r:id="rId21"/>
    <p:sldLayoutId id="2147483687" r:id="rId22"/>
    <p:sldLayoutId id="2147483688" r:id="rId23"/>
    <p:sldLayoutId id="2147483707" r:id="rId24"/>
    <p:sldLayoutId id="2147483689" r:id="rId25"/>
    <p:sldLayoutId id="2147483690" r:id="rId26"/>
    <p:sldLayoutId id="2147483691" r:id="rId27"/>
    <p:sldLayoutId id="2147483692" r:id="rId28"/>
    <p:sldLayoutId id="2147483693" r:id="rId29"/>
    <p:sldLayoutId id="2147483694" r:id="rId30"/>
    <p:sldLayoutId id="2147483701" r:id="rId31"/>
    <p:sldLayoutId id="2147483702" r:id="rId32"/>
    <p:sldLayoutId id="2147483654" r:id="rId33"/>
    <p:sldLayoutId id="2147483710" r:id="rId34"/>
    <p:sldLayoutId id="2147483655" r:id="rId35"/>
    <p:sldLayoutId id="2147483711" r:id="rId36"/>
    <p:sldLayoutId id="2147483712" r:id="rId37"/>
    <p:sldLayoutId id="2147483697" r:id="rId38"/>
    <p:sldLayoutId id="2147483698" r:id="rId39"/>
    <p:sldLayoutId id="2147483696" r:id="rId40"/>
    <p:sldLayoutId id="2147483695" r:id="rId41"/>
    <p:sldLayoutId id="2147483708" r:id="rId42"/>
    <p:sldLayoutId id="2147483709" r:id="rId43"/>
    <p:sldLayoutId id="2147483716" r:id="rId4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4800"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600"/>
        </a:spcBef>
        <a:buClr>
          <a:schemeClr val="accent1"/>
        </a:buClr>
        <a:buFont typeface="Arial" panose="020B0604020202020204" pitchFamily="34" charset="0"/>
        <a:buNone/>
        <a:defRPr sz="1600" kern="1200">
          <a:solidFill>
            <a:schemeClr val="tx1"/>
          </a:solidFill>
          <a:latin typeface="+mn-lt"/>
          <a:ea typeface="+mn-ea"/>
          <a:cs typeface="+mn-cs"/>
        </a:defRPr>
      </a:lvl1pPr>
      <a:lvl2pPr marL="2304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2pPr>
      <a:lvl3pPr marL="4608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691200" indent="-228600" algn="l" defTabSz="914400" rtl="0" eaLnBrk="1" latinLnBrk="0" hangingPunct="1">
        <a:lnSpc>
          <a:spcPct val="9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4pPr>
      <a:lvl5pPr marL="0" indent="0" algn="l" defTabSz="914400" rtl="0" eaLnBrk="1" latinLnBrk="0" hangingPunct="1">
        <a:lnSpc>
          <a:spcPct val="90000"/>
        </a:lnSpc>
        <a:spcBef>
          <a:spcPts val="500"/>
        </a:spcBef>
        <a:buClr>
          <a:schemeClr val="accent1"/>
        </a:buClr>
        <a:buFont typeface="Arial" panose="020B0604020202020204" pitchFamily="34" charset="0"/>
        <a:buNone/>
        <a:defRPr sz="1800" i="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4.xml"/><Relationship Id="rId1" Type="http://schemas.openxmlformats.org/officeDocument/2006/relationships/tags" Target="../tags/tag1.xml"/><Relationship Id="rId4" Type="http://schemas.openxmlformats.org/officeDocument/2006/relationships/image" Target="../media/image18.jpg"/></Relationships>
</file>

<file path=ppt/slides/_rels/slide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9.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10.xml"/><Relationship Id="rId4" Type="http://schemas.openxmlformats.org/officeDocument/2006/relationships/image" Target="../media/image36.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3.xml"/><Relationship Id="rId5" Type="http://schemas.openxmlformats.org/officeDocument/2006/relationships/image" Target="../media/image24.png"/><Relationship Id="rId4" Type="http://schemas.openxmlformats.org/officeDocument/2006/relationships/image" Target="../media/image23.png"/></Relationships>
</file>

<file path=ppt/slides/_rels/slide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33.xml"/><Relationship Id="rId1" Type="http://schemas.openxmlformats.org/officeDocument/2006/relationships/tags" Target="../tags/tag5.xml"/><Relationship Id="rId5" Type="http://schemas.openxmlformats.org/officeDocument/2006/relationships/image" Target="../media/image19.png"/><Relationship Id="rId4" Type="http://schemas.openxmlformats.org/officeDocument/2006/relationships/image" Target="../media/image26.png"/></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6.xml"/><Relationship Id="rId5" Type="http://schemas.openxmlformats.org/officeDocument/2006/relationships/image" Target="../media/image28.png"/><Relationship Id="rId4"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33.xml"/><Relationship Id="rId1" Type="http://schemas.openxmlformats.org/officeDocument/2006/relationships/tags" Target="../tags/tag7.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33.xml"/><Relationship Id="rId1" Type="http://schemas.openxmlformats.org/officeDocument/2006/relationships/tags" Target="../tags/tag8.xml"/><Relationship Id="rId4" Type="http://schemas.openxmlformats.org/officeDocument/2006/relationships/image" Target="../media/image32.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ple blue virus organisms">
            <a:extLst>
              <a:ext uri="{FF2B5EF4-FFF2-40B4-BE49-F238E27FC236}">
                <a16:creationId xmlns:a16="http://schemas.microsoft.com/office/drawing/2014/main" id="{AE95D994-DD8F-BEA3-20A4-0A0D6414E4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12191997" cy="6858000"/>
          </a:xfrm>
          <a:prstGeom prst="rect">
            <a:avLst/>
          </a:prstGeom>
        </p:spPr>
      </p:pic>
      <p:sp>
        <p:nvSpPr>
          <p:cNvPr id="8" name="Subtitle 7">
            <a:extLst>
              <a:ext uri="{FF2B5EF4-FFF2-40B4-BE49-F238E27FC236}">
                <a16:creationId xmlns:a16="http://schemas.microsoft.com/office/drawing/2014/main" id="{F6464A43-5B80-4854-9FC3-E00F515DC04B}"/>
              </a:ext>
            </a:extLst>
          </p:cNvPr>
          <p:cNvSpPr>
            <a:spLocks noGrp="1"/>
          </p:cNvSpPr>
          <p:nvPr>
            <p:ph type="subTitle" idx="1"/>
          </p:nvPr>
        </p:nvSpPr>
        <p:spPr>
          <a:xfrm>
            <a:off x="2" y="5485064"/>
            <a:ext cx="6095931" cy="660555"/>
          </a:xfrm>
          <a:solidFill>
            <a:schemeClr val="accent3">
              <a:alpha val="90000"/>
            </a:schemeClr>
          </a:solidFill>
        </p:spPr>
        <p:txBody>
          <a:bodyPr/>
          <a:lstStyle/>
          <a:p>
            <a:r>
              <a:rPr lang="en-GB" sz="2000" i="1" dirty="0">
                <a:latin typeface="Myriad Pro" panose="020B0503030403020204" pitchFamily="34" charset="0"/>
              </a:rPr>
              <a:t>By Helena </a:t>
            </a:r>
            <a:r>
              <a:rPr lang="en-GB" sz="2000" i="1" dirty="0" err="1">
                <a:latin typeface="Myriad Pro" panose="020B0503030403020204" pitchFamily="34" charset="0"/>
              </a:rPr>
              <a:t>Fedorenko</a:t>
            </a:r>
            <a:r>
              <a:rPr lang="en-GB" sz="2000" i="1" dirty="0">
                <a:latin typeface="Myriad Pro" panose="020B0503030403020204" pitchFamily="34" charset="0"/>
              </a:rPr>
              <a:t>, Xing Ying Chen and Brecht Nys</a:t>
            </a:r>
          </a:p>
        </p:txBody>
      </p:sp>
      <p:sp>
        <p:nvSpPr>
          <p:cNvPr id="6" name="Title 5">
            <a:extLst>
              <a:ext uri="{FF2B5EF4-FFF2-40B4-BE49-F238E27FC236}">
                <a16:creationId xmlns:a16="http://schemas.microsoft.com/office/drawing/2014/main" id="{7A7ABC60-E318-4903-BC01-B1CAACC679D3}"/>
              </a:ext>
            </a:extLst>
          </p:cNvPr>
          <p:cNvSpPr>
            <a:spLocks noGrp="1"/>
          </p:cNvSpPr>
          <p:nvPr>
            <p:ph type="title"/>
          </p:nvPr>
        </p:nvSpPr>
        <p:spPr>
          <a:xfrm>
            <a:off x="0" y="4089400"/>
            <a:ext cx="9004300" cy="1399200"/>
          </a:xfrm>
          <a:solidFill>
            <a:schemeClr val="accent2">
              <a:alpha val="90000"/>
            </a:schemeClr>
          </a:solidFill>
        </p:spPr>
        <p:txBody>
          <a:bodyPr anchor="ctr"/>
          <a:lstStyle/>
          <a:p>
            <a:r>
              <a:rPr lang="en-GB" dirty="0">
                <a:latin typeface="Myriad Pro" panose="020B0503030403020204" charset="0"/>
              </a:rPr>
              <a:t>The influence of various factors on the spread of COVID-19</a:t>
            </a:r>
            <a:endParaRPr lang="en-IE" dirty="0">
              <a:latin typeface="Myriad Pro" panose="020B0503030403020204" charset="0"/>
            </a:endParaRPr>
          </a:p>
        </p:txBody>
      </p:sp>
      <p:sp>
        <p:nvSpPr>
          <p:cNvPr id="4" name="TextBox 3">
            <a:extLst>
              <a:ext uri="{FF2B5EF4-FFF2-40B4-BE49-F238E27FC236}">
                <a16:creationId xmlns:a16="http://schemas.microsoft.com/office/drawing/2014/main" id="{5F41FF4A-5DCF-F045-BA60-78329864B1B5}"/>
              </a:ext>
            </a:extLst>
          </p:cNvPr>
          <p:cNvSpPr txBox="1"/>
          <p:nvPr/>
        </p:nvSpPr>
        <p:spPr>
          <a:xfrm>
            <a:off x="9811625" y="5689600"/>
            <a:ext cx="65" cy="369332"/>
          </a:xfrm>
          <a:prstGeom prst="rect">
            <a:avLst/>
          </a:prstGeom>
          <a:noFill/>
          <a:ln w="12700">
            <a:noFill/>
          </a:ln>
        </p:spPr>
        <p:txBody>
          <a:bodyPr wrap="none" lIns="0" rIns="0" rtlCol="0" anchor="t" anchorCtr="0">
            <a:spAutoFit/>
          </a:bodyPr>
          <a:lstStyle/>
          <a:p>
            <a:pPr algn="ctr"/>
            <a:endParaRPr lang="en-US">
              <a:solidFill>
                <a:srgbClr val="5E6A71"/>
              </a:solidFill>
            </a:endParaRPr>
          </a:p>
        </p:txBody>
      </p:sp>
    </p:spTree>
    <p:custDataLst>
      <p:tags r:id="rId1"/>
    </p:custDataLst>
    <p:extLst>
      <p:ext uri="{BB962C8B-B14F-4D97-AF65-F5344CB8AC3E}">
        <p14:creationId xmlns:p14="http://schemas.microsoft.com/office/powerpoint/2010/main" val="1777398863"/>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31757" y="1866957"/>
            <a:ext cx="4463897" cy="479362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linear regression analyses separately for Air pollution ranks vs. confirmed Covid-19 rate; Covid19 death rates; and covid 19 recovery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nfirmed Covid 19 Case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negative correlation between the confirmed COVID-19 case rate and pollution rank. The R-value is negative (-0.130), the slope is (-0.0021127).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nfirmed COVID-19 case rates. </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Death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 weak positive correlation between COVID-19 death rate and pollution rank, as the R-value is positive (0.266), the slope is (0.02729755).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higher COVID-19 death rates.</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Air Pollution Rank vs. Covid 19 Recovered Rate:</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re is also a weak negative correlation between COVID-19 recovery rate and pollution rank, as the R-value is negative (-0.086), the slope is (-0.06869839). </a:t>
            </a:r>
            <a:r>
              <a:rPr lang="en-GB" sz="1150" b="1" dirty="0">
                <a:solidFill>
                  <a:schemeClr val="tx2"/>
                </a:solidFill>
                <a:latin typeface="Arial" panose="020B0604020202020204" pitchFamily="34" charset="0"/>
                <a:cs typeface="Arial" panose="020B0604020202020204" pitchFamily="34" charset="0"/>
              </a:rPr>
              <a:t>It means that higher pollution ranks are associated with slightly lower COVID-19 recovery rates.</a:t>
            </a: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6" name="Picture 5" descr="Chart, scatter chart&#10;&#10;Description automatically generated">
            <a:extLst>
              <a:ext uri="{FF2B5EF4-FFF2-40B4-BE49-F238E27FC236}">
                <a16:creationId xmlns:a16="http://schemas.microsoft.com/office/drawing/2014/main" id="{DA091123-5316-C7EF-8FFD-D5B143BF02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79621" y="1866957"/>
            <a:ext cx="2378442" cy="1846843"/>
          </a:xfrm>
          <a:prstGeom prst="rect">
            <a:avLst/>
          </a:prstGeom>
          <a:ln>
            <a:solidFill>
              <a:schemeClr val="tx2"/>
            </a:solidFill>
          </a:ln>
          <a:effectLst>
            <a:outerShdw blurRad="50800" dist="38100" dir="2700000" algn="tl" rotWithShape="0">
              <a:prstClr val="black">
                <a:alpha val="40000"/>
              </a:prstClr>
            </a:outerShdw>
          </a:effectLst>
        </p:spPr>
      </p:pic>
      <p:pic>
        <p:nvPicPr>
          <p:cNvPr id="7" name="Picture 6" descr="Chart, scatter chart&#10;&#10;Description automatically generated">
            <a:extLst>
              <a:ext uri="{FF2B5EF4-FFF2-40B4-BE49-F238E27FC236}">
                <a16:creationId xmlns:a16="http://schemas.microsoft.com/office/drawing/2014/main" id="{24409E01-BBA4-772E-037A-4617F9533C7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78273" y="4574148"/>
            <a:ext cx="2435453" cy="1846843"/>
          </a:xfrm>
          <a:prstGeom prst="rect">
            <a:avLst/>
          </a:prstGeom>
          <a:ln>
            <a:solidFill>
              <a:schemeClr val="tx2"/>
            </a:solidFill>
          </a:ln>
          <a:effectLst>
            <a:outerShdw blurRad="50800" dist="38100" dir="2700000" algn="tl" rotWithShape="0">
              <a:prstClr val="black">
                <a:alpha val="40000"/>
              </a:prstClr>
            </a:outerShdw>
          </a:effectLst>
        </p:spPr>
      </p:pic>
      <p:pic>
        <p:nvPicPr>
          <p:cNvPr id="8" name="Picture 7" descr="Chart, scatter chart&#10;&#10;Description automatically generated">
            <a:extLst>
              <a:ext uri="{FF2B5EF4-FFF2-40B4-BE49-F238E27FC236}">
                <a16:creationId xmlns:a16="http://schemas.microsoft.com/office/drawing/2014/main" id="{AA756D08-239D-61E2-4920-146D1D88B9A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757454" y="3220552"/>
            <a:ext cx="2321429" cy="1846843"/>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1401006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6771939"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302892"/>
            <a:ext cx="4463897" cy="310854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also performed a line graph to analyse the relationship between Air pollution and Covid19</a:t>
            </a:r>
          </a:p>
          <a:p>
            <a:pPr marL="742950" lvl="1"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Based on the line graph, air pollution doesn’t have a significant effect on Covid case rates.</a:t>
            </a:r>
          </a:p>
          <a:p>
            <a:pPr lvl="1">
              <a:spcBef>
                <a:spcPts val="600"/>
              </a:spcBef>
            </a:pPr>
            <a:endParaRPr lang="en-GB" sz="115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Improvement</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Use a larger sample size</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More up to date dataset needed</a:t>
            </a:r>
          </a:p>
          <a:p>
            <a:pPr marL="285750" indent="-285750">
              <a:spcBef>
                <a:spcPts val="6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Include more variables such as population density, demographics or healthcare infrastructure</a:t>
            </a:r>
          </a:p>
          <a:p>
            <a:pPr>
              <a:spcBef>
                <a:spcPts val="600"/>
              </a:spcBef>
            </a:pPr>
            <a:endParaRPr lang="en-GB" sz="1150" dirty="0">
              <a:solidFill>
                <a:schemeClr val="tx2"/>
              </a:solidFill>
              <a:latin typeface="Arial" panose="020B0604020202020204" pitchFamily="34" charset="0"/>
              <a:cs typeface="Arial" panose="020B0604020202020204" pitchFamily="34" charset="0"/>
            </a:endParaRPr>
          </a:p>
          <a:p>
            <a:pPr marL="742950" lvl="1" indent="-285750">
              <a:spcBef>
                <a:spcPts val="600"/>
              </a:spcBef>
              <a:buFont typeface="Arial" panose="020B0604020202020204" pitchFamily="34" charset="0"/>
              <a:buChar char="•"/>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7A135795-44C9-7550-8F08-311A3237E056}"/>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4" name="Picture 3" descr="Chart, line chart&#10;&#10;Description automatically generated">
            <a:extLst>
              <a:ext uri="{FF2B5EF4-FFF2-40B4-BE49-F238E27FC236}">
                <a16:creationId xmlns:a16="http://schemas.microsoft.com/office/drawing/2014/main" id="{D88B4A03-D57D-B538-8E2D-3F72E4978CB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69483" y="2069202"/>
            <a:ext cx="5852172" cy="4389129"/>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41878660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80AFC61-98A0-DE7F-A4F2-BD3E70CFDDE2}"/>
              </a:ext>
            </a:extLst>
          </p:cNvPr>
          <p:cNvSpPr>
            <a:spLocks noGrp="1"/>
          </p:cNvSpPr>
          <p:nvPr>
            <p:ph type="body" sz="quarter" idx="17"/>
          </p:nvPr>
        </p:nvSpPr>
        <p:spPr/>
        <p:txBody>
          <a:bodyPr/>
          <a:lstStyle/>
          <a:p>
            <a:r>
              <a:rPr lang="en-GB" dirty="0"/>
              <a:t>Any questions?</a:t>
            </a:r>
          </a:p>
        </p:txBody>
      </p:sp>
    </p:spTree>
    <p:extLst>
      <p:ext uri="{BB962C8B-B14F-4D97-AF65-F5344CB8AC3E}">
        <p14:creationId xmlns:p14="http://schemas.microsoft.com/office/powerpoint/2010/main" val="500926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The factors that we have considered…</a:t>
            </a:r>
          </a:p>
        </p:txBody>
      </p:sp>
      <p:sp>
        <p:nvSpPr>
          <p:cNvPr id="6" name="Rectangle 5">
            <a:extLst>
              <a:ext uri="{FF2B5EF4-FFF2-40B4-BE49-F238E27FC236}">
                <a16:creationId xmlns:a16="http://schemas.microsoft.com/office/drawing/2014/main" id="{EA9D07E0-A5C6-86C9-3B2A-69EA97E6B596}"/>
              </a:ext>
            </a:extLst>
          </p:cNvPr>
          <p:cNvSpPr/>
          <p:nvPr/>
        </p:nvSpPr>
        <p:spPr>
          <a:xfrm>
            <a:off x="1447471"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Rectangle 6">
            <a:extLst>
              <a:ext uri="{FF2B5EF4-FFF2-40B4-BE49-F238E27FC236}">
                <a16:creationId xmlns:a16="http://schemas.microsoft.com/office/drawing/2014/main" id="{3B86108A-7AF6-C128-3538-E3129D1F76F6}"/>
              </a:ext>
            </a:extLst>
          </p:cNvPr>
          <p:cNvSpPr/>
          <p:nvPr/>
        </p:nvSpPr>
        <p:spPr>
          <a:xfrm>
            <a:off x="4608022"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7C259A82-2B28-B7A5-116E-6429B8DC1E00}"/>
              </a:ext>
            </a:extLst>
          </p:cNvPr>
          <p:cNvSpPr/>
          <p:nvPr/>
        </p:nvSpPr>
        <p:spPr>
          <a:xfrm>
            <a:off x="7768574" y="1743740"/>
            <a:ext cx="2739249" cy="3759200"/>
          </a:xfrm>
          <a:prstGeom prst="rect">
            <a:avLst/>
          </a:prstGeom>
          <a:solidFill>
            <a:schemeClr val="bg1"/>
          </a:solid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TextBox 13">
            <a:extLst>
              <a:ext uri="{FF2B5EF4-FFF2-40B4-BE49-F238E27FC236}">
                <a16:creationId xmlns:a16="http://schemas.microsoft.com/office/drawing/2014/main" id="{DCB9BDD5-A700-4E32-2871-F20697599D28}"/>
              </a:ext>
            </a:extLst>
          </p:cNvPr>
          <p:cNvSpPr txBox="1"/>
          <p:nvPr/>
        </p:nvSpPr>
        <p:spPr>
          <a:xfrm>
            <a:off x="1447472" y="3249092"/>
            <a:ext cx="2739247" cy="830997"/>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Government Response</a:t>
            </a:r>
          </a:p>
        </p:txBody>
      </p:sp>
      <p:sp>
        <p:nvSpPr>
          <p:cNvPr id="15" name="TextBox 14">
            <a:extLst>
              <a:ext uri="{FF2B5EF4-FFF2-40B4-BE49-F238E27FC236}">
                <a16:creationId xmlns:a16="http://schemas.microsoft.com/office/drawing/2014/main" id="{13B68796-0446-361E-2749-848866C53D7E}"/>
              </a:ext>
            </a:extLst>
          </p:cNvPr>
          <p:cNvSpPr txBox="1"/>
          <p:nvPr/>
        </p:nvSpPr>
        <p:spPr>
          <a:xfrm>
            <a:off x="4608021" y="3249092"/>
            <a:ext cx="2739249"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Vaccination Rate</a:t>
            </a:r>
          </a:p>
        </p:txBody>
      </p:sp>
      <p:sp>
        <p:nvSpPr>
          <p:cNvPr id="16" name="TextBox 15">
            <a:extLst>
              <a:ext uri="{FF2B5EF4-FFF2-40B4-BE49-F238E27FC236}">
                <a16:creationId xmlns:a16="http://schemas.microsoft.com/office/drawing/2014/main" id="{6636AB43-34F2-5A6F-CCC1-352568226909}"/>
              </a:ext>
            </a:extLst>
          </p:cNvPr>
          <p:cNvSpPr txBox="1"/>
          <p:nvPr/>
        </p:nvSpPr>
        <p:spPr>
          <a:xfrm>
            <a:off x="7768573" y="3249092"/>
            <a:ext cx="2739248" cy="461665"/>
          </a:xfrm>
          <a:prstGeom prst="rect">
            <a:avLst/>
          </a:prstGeom>
          <a:noFill/>
        </p:spPr>
        <p:txBody>
          <a:bodyPr wrap="square" rtlCol="0">
            <a:spAutoFit/>
          </a:bodyPr>
          <a:lstStyle/>
          <a:p>
            <a:pPr algn="ctr"/>
            <a:r>
              <a:rPr lang="en-GB" sz="2400" dirty="0">
                <a:solidFill>
                  <a:schemeClr val="accent1"/>
                </a:solidFill>
                <a:latin typeface="Myriad Pro" panose="020B0503030403020204" charset="0"/>
              </a:rPr>
              <a:t>Air Quality</a:t>
            </a:r>
          </a:p>
        </p:txBody>
      </p:sp>
      <p:sp>
        <p:nvSpPr>
          <p:cNvPr id="17" name="TextBox 16">
            <a:extLst>
              <a:ext uri="{FF2B5EF4-FFF2-40B4-BE49-F238E27FC236}">
                <a16:creationId xmlns:a16="http://schemas.microsoft.com/office/drawing/2014/main" id="{76FB6254-5555-D084-7C16-D7ED2802050A}"/>
              </a:ext>
            </a:extLst>
          </p:cNvPr>
          <p:cNvSpPr txBox="1"/>
          <p:nvPr/>
        </p:nvSpPr>
        <p:spPr>
          <a:xfrm>
            <a:off x="1447471" y="4162815"/>
            <a:ext cx="2739246" cy="1169551"/>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Extended periods of school- and workplace closing, and international travel restrictions, have lead to a lower spread of COVID-19 cases.</a:t>
            </a:r>
          </a:p>
        </p:txBody>
      </p:sp>
      <p:sp>
        <p:nvSpPr>
          <p:cNvPr id="18" name="TextBox 17">
            <a:extLst>
              <a:ext uri="{FF2B5EF4-FFF2-40B4-BE49-F238E27FC236}">
                <a16:creationId xmlns:a16="http://schemas.microsoft.com/office/drawing/2014/main" id="{CE08E418-6377-B2AF-7447-B8BCFA277450}"/>
              </a:ext>
            </a:extLst>
          </p:cNvPr>
          <p:cNvSpPr txBox="1"/>
          <p:nvPr/>
        </p:nvSpPr>
        <p:spPr>
          <a:xfrm>
            <a:off x="4608018" y="4162815"/>
            <a:ext cx="2739249"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Higher vaccination rates result in lower reproduction rates and lower death rates.</a:t>
            </a:r>
          </a:p>
        </p:txBody>
      </p:sp>
      <p:sp>
        <p:nvSpPr>
          <p:cNvPr id="19" name="TextBox 18">
            <a:extLst>
              <a:ext uri="{FF2B5EF4-FFF2-40B4-BE49-F238E27FC236}">
                <a16:creationId xmlns:a16="http://schemas.microsoft.com/office/drawing/2014/main" id="{4A5C37BD-0855-3F66-8F29-24140BB80B28}"/>
              </a:ext>
            </a:extLst>
          </p:cNvPr>
          <p:cNvSpPr txBox="1"/>
          <p:nvPr/>
        </p:nvSpPr>
        <p:spPr>
          <a:xfrm>
            <a:off x="7768565" y="4162815"/>
            <a:ext cx="2739256" cy="738664"/>
          </a:xfrm>
          <a:prstGeom prst="rect">
            <a:avLst/>
          </a:prstGeom>
          <a:noFill/>
        </p:spPr>
        <p:txBody>
          <a:bodyPr wrap="square" rtlCol="0">
            <a:spAutoFit/>
          </a:bodyPr>
          <a:lstStyle/>
          <a:p>
            <a:pPr algn="ctr"/>
            <a:r>
              <a:rPr lang="en-GB" sz="1400" dirty="0">
                <a:solidFill>
                  <a:schemeClr val="tx2"/>
                </a:solidFill>
                <a:latin typeface="Arial" panose="020B0604020202020204" pitchFamily="34" charset="0"/>
                <a:cs typeface="Arial" panose="020B0604020202020204" pitchFamily="34" charset="0"/>
              </a:rPr>
              <a:t>Areas with poor air quality have shown higher rates of COVID-19 cases.</a:t>
            </a:r>
          </a:p>
        </p:txBody>
      </p:sp>
      <p:pic>
        <p:nvPicPr>
          <p:cNvPr id="20" name="Picture 19">
            <a:extLst>
              <a:ext uri="{FF2B5EF4-FFF2-40B4-BE49-F238E27FC236}">
                <a16:creationId xmlns:a16="http://schemas.microsoft.com/office/drawing/2014/main" id="{214981DB-E871-049C-E78A-18094843428C}"/>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5594594" y="2025468"/>
            <a:ext cx="766104" cy="842477"/>
          </a:xfrm>
          <a:prstGeom prst="rect">
            <a:avLst/>
          </a:prstGeom>
        </p:spPr>
      </p:pic>
      <p:pic>
        <p:nvPicPr>
          <p:cNvPr id="21" name="Picture 20">
            <a:extLst>
              <a:ext uri="{FF2B5EF4-FFF2-40B4-BE49-F238E27FC236}">
                <a16:creationId xmlns:a16="http://schemas.microsoft.com/office/drawing/2014/main" id="{A91BB158-B157-4A2E-4E1A-8F9EDC314196}"/>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8754730" y="2025467"/>
            <a:ext cx="766937" cy="842477"/>
          </a:xfrm>
          <a:prstGeom prst="rect">
            <a:avLst/>
          </a:prstGeom>
        </p:spPr>
      </p:pic>
      <p:pic>
        <p:nvPicPr>
          <p:cNvPr id="24" name="Picture 23">
            <a:extLst>
              <a:ext uri="{FF2B5EF4-FFF2-40B4-BE49-F238E27FC236}">
                <a16:creationId xmlns:a16="http://schemas.microsoft.com/office/drawing/2014/main" id="{97CFDB34-EFE0-9925-FA6A-D553E5A0816B}"/>
              </a:ext>
            </a:extLst>
          </p:cNvPr>
          <p:cNvPicPr>
            <a:picLocks noChangeAspect="1"/>
          </p:cNvPicPr>
          <p:nvPr/>
        </p:nvPicPr>
        <p:blipFill>
          <a:blip r:embed="rId6"/>
          <a:stretch>
            <a:fillRect/>
          </a:stretch>
        </p:blipFill>
        <p:spPr>
          <a:xfrm>
            <a:off x="2359682" y="2025468"/>
            <a:ext cx="914825" cy="971359"/>
          </a:xfrm>
          <a:prstGeom prst="rect">
            <a:avLst/>
          </a:prstGeom>
        </p:spPr>
      </p:pic>
    </p:spTree>
    <p:extLst>
      <p:ext uri="{BB962C8B-B14F-4D97-AF65-F5344CB8AC3E}">
        <p14:creationId xmlns:p14="http://schemas.microsoft.com/office/powerpoint/2010/main" val="3483934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584775"/>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In the first three months of pandemic, the growth of Covid-19 cases worldwide, leads Government to take measures, which increases Stringency Index.</a:t>
            </a:r>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sp>
        <p:nvSpPr>
          <p:cNvPr id="3" name="TextBox 2">
            <a:extLst>
              <a:ext uri="{FF2B5EF4-FFF2-40B4-BE49-F238E27FC236}">
                <a16:creationId xmlns:a16="http://schemas.microsoft.com/office/drawing/2014/main" id="{307BBE8E-1395-24F0-2B6E-BDD6C71E5DD7}"/>
              </a:ext>
            </a:extLst>
          </p:cNvPr>
          <p:cNvSpPr txBox="1"/>
          <p:nvPr/>
        </p:nvSpPr>
        <p:spPr>
          <a:xfrm>
            <a:off x="837714" y="2260346"/>
            <a:ext cx="6541282" cy="2923877"/>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onfirmed Cases Worldwide, includes 181 countries. (January 2020- March 2020)</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data by country, which records the strictness of ‘lockdown style’.</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Growth of Covid-19 Cases by country: numbers of confirmed cases over first 3 months of pandemic.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Stringency index : increase in stringency index over first 3 months of pandemic.</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lationship between variables: perform linear regression analysis. Confirmed cases vs stringency index.</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481987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DA04FD72-F5B6-31CD-C882-04E8AFF8131A}"/>
              </a:ext>
            </a:extLst>
          </p:cNvPr>
          <p:cNvSpPr/>
          <p:nvPr/>
        </p:nvSpPr>
        <p:spPr>
          <a:xfrm>
            <a:off x="6783572" y="0"/>
            <a:ext cx="5408428"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p:nvPr>
        </p:nvSpPr>
        <p:spPr/>
        <p:txBody>
          <a:bodyPr/>
          <a:lstStyle/>
          <a:p>
            <a:r>
              <a:rPr lang="en-GB" sz="4400" dirty="0"/>
              <a:t>Factor: Government Response</a:t>
            </a:r>
            <a:br>
              <a:rPr lang="en-GB" sz="4400" dirty="0"/>
            </a:br>
            <a:endParaRPr lang="en-GB" sz="4400" dirty="0"/>
          </a:p>
        </p:txBody>
      </p:sp>
      <p:pic>
        <p:nvPicPr>
          <p:cNvPr id="4" name="Picture 3">
            <a:extLst>
              <a:ext uri="{FF2B5EF4-FFF2-40B4-BE49-F238E27FC236}">
                <a16:creationId xmlns:a16="http://schemas.microsoft.com/office/drawing/2014/main" id="{CFF355B1-4A95-EED8-2227-5CCA777D442A}"/>
              </a:ext>
            </a:extLst>
          </p:cNvPr>
          <p:cNvPicPr>
            <a:picLocks noChangeAspect="1"/>
          </p:cNvPicPr>
          <p:nvPr/>
        </p:nvPicPr>
        <p:blipFill>
          <a:blip r:embed="rId2"/>
          <a:stretch>
            <a:fillRect/>
          </a:stretch>
        </p:blipFill>
        <p:spPr>
          <a:xfrm>
            <a:off x="10680488" y="420399"/>
            <a:ext cx="914825" cy="971359"/>
          </a:xfrm>
          <a:prstGeom prst="rect">
            <a:avLst/>
          </a:prstGeom>
        </p:spPr>
      </p:pic>
      <p:pic>
        <p:nvPicPr>
          <p:cNvPr id="6" name="Picture 5" descr="Chart, scatter chart&#10;&#10;Description automatically generated">
            <a:extLst>
              <a:ext uri="{FF2B5EF4-FFF2-40B4-BE49-F238E27FC236}">
                <a16:creationId xmlns:a16="http://schemas.microsoft.com/office/drawing/2014/main" id="{A825885E-0650-524B-02C6-A4401DEA0D9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60437" y="4150972"/>
            <a:ext cx="2635285" cy="2121241"/>
          </a:xfrm>
          <a:prstGeom prst="rect">
            <a:avLst/>
          </a:prstGeom>
          <a:ln>
            <a:solidFill>
              <a:schemeClr val="tx1"/>
            </a:solidFill>
          </a:ln>
          <a:effectLst>
            <a:outerShdw blurRad="50800" dist="38100" dir="2700000" algn="tl" rotWithShape="0">
              <a:prstClr val="black">
                <a:alpha val="40000"/>
              </a:prstClr>
            </a:outerShdw>
          </a:effectLst>
        </p:spPr>
      </p:pic>
      <p:pic>
        <p:nvPicPr>
          <p:cNvPr id="7" name="Picture 6" descr="Chart, line chart&#10;&#10;Description automatically generated">
            <a:extLst>
              <a:ext uri="{FF2B5EF4-FFF2-40B4-BE49-F238E27FC236}">
                <a16:creationId xmlns:a16="http://schemas.microsoft.com/office/drawing/2014/main" id="{9FB10DD9-7853-9D47-9CB8-163ED24A754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38309" y="1788207"/>
            <a:ext cx="2444256" cy="2150253"/>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 line chart&#10;&#10;Description automatically generated">
            <a:extLst>
              <a:ext uri="{FF2B5EF4-FFF2-40B4-BE49-F238E27FC236}">
                <a16:creationId xmlns:a16="http://schemas.microsoft.com/office/drawing/2014/main" id="{2483613A-72E1-BE75-711D-DE56C44CA0BD}"/>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549204" y="1788207"/>
            <a:ext cx="2366042" cy="2179095"/>
          </a:xfrm>
          <a:prstGeom prst="rect">
            <a:avLst/>
          </a:prstGeom>
          <a:ln>
            <a:solidFill>
              <a:schemeClr val="tx1"/>
            </a:solidFill>
          </a:ln>
          <a:effectLst>
            <a:outerShdw blurRad="50800" dist="38100" dir="2700000" algn="tl" rotWithShape="0">
              <a:prstClr val="black">
                <a:alpha val="40000"/>
              </a:prstClr>
            </a:outerShdw>
          </a:effectLst>
        </p:spPr>
      </p:pic>
      <p:sp>
        <p:nvSpPr>
          <p:cNvPr id="9" name="TextBox 8">
            <a:extLst>
              <a:ext uri="{FF2B5EF4-FFF2-40B4-BE49-F238E27FC236}">
                <a16:creationId xmlns:a16="http://schemas.microsoft.com/office/drawing/2014/main" id="{1E54DB9E-397F-566F-B44A-F3D2038691F5}"/>
              </a:ext>
            </a:extLst>
          </p:cNvPr>
          <p:cNvSpPr txBox="1"/>
          <p:nvPr/>
        </p:nvSpPr>
        <p:spPr>
          <a:xfrm>
            <a:off x="6783572" y="1596264"/>
            <a:ext cx="5408428" cy="5232202"/>
          </a:xfrm>
          <a:prstGeom prst="rect">
            <a:avLst/>
          </a:prstGeom>
          <a:noFill/>
        </p:spPr>
        <p:txBody>
          <a:bodyPr wrap="square" rtlCol="0">
            <a:spAutoFit/>
          </a:bodyPr>
          <a:lstStyle/>
          <a:p>
            <a:pPr>
              <a:spcBef>
                <a:spcPts val="3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performed a data visualization analysis in order to understand better, if the government responded to Covid-19 pandemic and how quickly they did.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We have </a:t>
            </a:r>
            <a:r>
              <a:rPr lang="en-GB" sz="1150" dirty="0" err="1">
                <a:solidFill>
                  <a:schemeClr val="tx2"/>
                </a:solidFill>
                <a:latin typeface="Arial" panose="020B0604020202020204" pitchFamily="34" charset="0"/>
                <a:cs typeface="Arial" panose="020B0604020202020204" pitchFamily="34" charset="0"/>
              </a:rPr>
              <a:t>analyzed</a:t>
            </a:r>
            <a:r>
              <a:rPr lang="en-GB" sz="1150" dirty="0">
                <a:solidFill>
                  <a:schemeClr val="tx2"/>
                </a:solidFill>
                <a:latin typeface="Arial" panose="020B0604020202020204" pitchFamily="34" charset="0"/>
                <a:cs typeface="Arial" panose="020B0604020202020204" pitchFamily="34" charset="0"/>
              </a:rPr>
              <a:t> four different countries. </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1st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Covid-19 Cases started to rise beginning of January in  China, then Italy, UK and Spain.</a:t>
            </a:r>
          </a:p>
          <a:p>
            <a:pPr marL="285750"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2nd  line graph: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Government response on the growth of Covid-19 cases. Which measures by Stringency index. </a:t>
            </a:r>
          </a:p>
          <a:p>
            <a:pPr marL="742950" lvl="1" indent="-285750">
              <a:spcBef>
                <a:spcPts val="300"/>
              </a:spcBef>
              <a:buFont typeface="Arial" panose="020B0604020202020204" pitchFamily="34" charset="0"/>
              <a:buChar char="•"/>
            </a:pPr>
            <a:r>
              <a:rPr lang="en-GB" sz="1150" dirty="0">
                <a:solidFill>
                  <a:schemeClr val="tx2"/>
                </a:solidFill>
                <a:latin typeface="Arial" panose="020B0604020202020204" pitchFamily="34" charset="0"/>
                <a:cs typeface="Arial" panose="020B0604020202020204" pitchFamily="34" charset="0"/>
              </a:rPr>
              <a:t>The index records the strictness of ‘lockdown style’ policies that primarily restrict people’s </a:t>
            </a:r>
            <a:r>
              <a:rPr lang="en-GB" sz="1150" dirty="0" err="1">
                <a:solidFill>
                  <a:schemeClr val="tx2"/>
                </a:solidFill>
                <a:latin typeface="Arial" panose="020B0604020202020204" pitchFamily="34" charset="0"/>
                <a:cs typeface="Arial" panose="020B0604020202020204" pitchFamily="34" charset="0"/>
              </a:rPr>
              <a:t>behavior</a:t>
            </a:r>
            <a:r>
              <a:rPr lang="en-GB" sz="1150" dirty="0">
                <a:solidFill>
                  <a:schemeClr val="tx2"/>
                </a:solidFill>
                <a:latin typeface="Arial" panose="020B0604020202020204" pitchFamily="34" charset="0"/>
                <a:cs typeface="Arial" panose="020B0604020202020204" pitchFamily="34" charset="0"/>
              </a:rPr>
              <a:t>. </a:t>
            </a:r>
          </a:p>
          <a:p>
            <a:pPr lvl="1">
              <a:spcBef>
                <a:spcPts val="300"/>
              </a:spcBef>
            </a:pPr>
            <a:r>
              <a:rPr lang="en-GB" sz="1150" i="1" u="sng" dirty="0">
                <a:solidFill>
                  <a:schemeClr val="tx2"/>
                </a:solidFill>
                <a:latin typeface="Arial" panose="020B0604020202020204" pitchFamily="34" charset="0"/>
                <a:cs typeface="Arial" panose="020B0604020202020204" pitchFamily="34" charset="0"/>
              </a:rPr>
              <a:t>It is calculated by using nine metrics: </a:t>
            </a:r>
            <a:r>
              <a:rPr lang="en-GB" sz="1150" i="1" dirty="0">
                <a:solidFill>
                  <a:schemeClr val="tx2"/>
                </a:solidFill>
                <a:latin typeface="Arial" panose="020B0604020202020204" pitchFamily="34" charset="0"/>
                <a:cs typeface="Arial" panose="020B0604020202020204" pitchFamily="34" charset="0"/>
              </a:rPr>
              <a:t>school closures; workplace closures; cancellation of public events; restrictions on public gatherings; closures of public transport; stay-at-home requirements; public information campaigns; restrictions on internal movements; and international travel controls.</a:t>
            </a:r>
          </a:p>
          <a:p>
            <a:pPr marL="285750"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3rd line graph: </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by performing linear regression analysis, we investigated relationship between Government Response and growth of Covid-19 cases. </a:t>
            </a:r>
          </a:p>
          <a:p>
            <a:pPr marL="742950" lvl="1" indent="-285750">
              <a:spcBef>
                <a:spcPts val="300"/>
              </a:spcBef>
              <a:buFont typeface="Arial" panose="020B0604020202020204" pitchFamily="34" charset="0"/>
              <a:buChar char="•"/>
            </a:pPr>
            <a:r>
              <a:rPr lang="en-US" sz="1200" dirty="0">
                <a:solidFill>
                  <a:schemeClr val="tx2"/>
                </a:solidFill>
                <a:latin typeface="Arial" panose="020B0604020202020204" pitchFamily="34" charset="0"/>
                <a:cs typeface="Arial" panose="020B0604020202020204" pitchFamily="34" charset="0"/>
              </a:rPr>
              <a:t>r - value = 0.43</a:t>
            </a:r>
          </a:p>
          <a:p>
            <a:pPr marL="742950" lvl="1" indent="-285750">
              <a:spcBef>
                <a:spcPts val="3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is case, a correlation coefficient of 0.43 suggests a moderate positive linear relationship between the two variables. Which means as Covid-19 cases increase over time, the stringency index tends to increase as well. </a:t>
            </a:r>
          </a:p>
        </p:txBody>
      </p:sp>
    </p:spTree>
    <p:extLst>
      <p:ext uri="{BB962C8B-B14F-4D97-AF65-F5344CB8AC3E}">
        <p14:creationId xmlns:p14="http://schemas.microsoft.com/office/powerpoint/2010/main" val="2361181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Higher vaccination rates result in lower reproduction rates and lower death rates.</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
        <p:nvSpPr>
          <p:cNvPr id="7" name="TextBox 6">
            <a:extLst>
              <a:ext uri="{FF2B5EF4-FFF2-40B4-BE49-F238E27FC236}">
                <a16:creationId xmlns:a16="http://schemas.microsoft.com/office/drawing/2014/main" id="{B3B568C5-3AD6-87C8-97FE-BC4297924F8A}"/>
              </a:ext>
            </a:extLst>
          </p:cNvPr>
          <p:cNvSpPr txBox="1"/>
          <p:nvPr/>
        </p:nvSpPr>
        <p:spPr>
          <a:xfrm>
            <a:off x="851789" y="1866957"/>
            <a:ext cx="10021187" cy="3677930"/>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ata on COVID-19 cases and vaccination rates for 236 countries from Feb-2020 until Feb-2023;</a:t>
            </a:r>
          </a:p>
          <a:p>
            <a:pPr marL="171450" indent="-1714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untry name mapped to continent using RESTCOUNTRY API</a:t>
            </a:r>
          </a:p>
          <a:p>
            <a:pPr>
              <a:spcBef>
                <a:spcPts val="600"/>
              </a:spcBef>
            </a:pPr>
            <a:endParaRPr lang="en-GB" sz="1200" b="1"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Process</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Define variables:</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Reproduction rate (“RR”)</a:t>
            </a:r>
            <a:r>
              <a:rPr lang="en-GB" sz="1200" dirty="0">
                <a:solidFill>
                  <a:schemeClr val="tx2"/>
                </a:solidFill>
                <a:latin typeface="Arial" panose="020B0604020202020204" pitchFamily="34" charset="0"/>
                <a:cs typeface="Arial" panose="020B0604020202020204" pitchFamily="34" charset="0"/>
              </a:rPr>
              <a:t>: the average number of people that one infected person will pass the disease 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Vaccination rate (“VR”)</a:t>
            </a:r>
            <a:r>
              <a:rPr lang="en-GB" sz="1200" dirty="0">
                <a:solidFill>
                  <a:schemeClr val="tx2"/>
                </a:solidFill>
                <a:latin typeface="Arial" panose="020B0604020202020204" pitchFamily="34" charset="0"/>
                <a:cs typeface="Arial" panose="020B0604020202020204" pitchFamily="34" charset="0"/>
              </a:rPr>
              <a:t>: proportion of country population that has received at least one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Fully vaccinated rate (“FVR”)</a:t>
            </a:r>
            <a:r>
              <a:rPr lang="en-GB" sz="1200" dirty="0">
                <a:solidFill>
                  <a:schemeClr val="tx2"/>
                </a:solidFill>
                <a:latin typeface="Arial" panose="020B0604020202020204" pitchFamily="34" charset="0"/>
                <a:cs typeface="Arial" panose="020B0604020202020204" pitchFamily="34" charset="0"/>
              </a:rPr>
              <a:t>: proportion of country population that has received both vaccination;</a:t>
            </a:r>
          </a:p>
          <a:p>
            <a:pPr marL="742950" lvl="1" indent="-285750">
              <a:spcBef>
                <a:spcPts val="600"/>
              </a:spcBef>
              <a:buFont typeface="Arial" panose="020B0604020202020204" pitchFamily="34" charset="0"/>
              <a:buChar char="•"/>
            </a:pPr>
            <a:r>
              <a:rPr lang="en-GB" sz="1200" u="sng" dirty="0">
                <a:solidFill>
                  <a:schemeClr val="tx2"/>
                </a:solidFill>
                <a:latin typeface="Arial" panose="020B0604020202020204" pitchFamily="34" charset="0"/>
                <a:cs typeface="Arial" panose="020B0604020202020204" pitchFamily="34" charset="0"/>
              </a:rPr>
              <a:t>Death rate (“DR”)</a:t>
            </a:r>
            <a:r>
              <a:rPr lang="en-GB" sz="1200" dirty="0">
                <a:solidFill>
                  <a:schemeClr val="tx2"/>
                </a:solidFill>
                <a:latin typeface="Arial" panose="020B0604020202020204" pitchFamily="34" charset="0"/>
                <a:cs typeface="Arial" panose="020B0604020202020204" pitchFamily="34" charset="0"/>
              </a:rPr>
              <a:t>: proportion of infected people that died.</a:t>
            </a:r>
          </a:p>
          <a:p>
            <a:pPr marL="285750" indent="-285750">
              <a:spcBef>
                <a:spcPts val="600"/>
              </a:spcBef>
              <a:buFont typeface="+mj-lt"/>
              <a:buAutoNum type="arabicPeriod"/>
            </a:pPr>
            <a:r>
              <a:rPr lang="en-GB" sz="1200" dirty="0">
                <a:solidFill>
                  <a:schemeClr val="tx2"/>
                </a:solidFill>
                <a:latin typeface="Arial" panose="020B0604020202020204" pitchFamily="34" charset="0"/>
                <a:cs typeface="Arial" panose="020B0604020202020204" pitchFamily="34" charset="0"/>
              </a:rPr>
              <a:t>Analysis:</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1: Influence of vaccination rate on reproduc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2: Visible differences between high or low levels of vaccina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Tree>
    <p:extLst>
      <p:ext uri="{BB962C8B-B14F-4D97-AF65-F5344CB8AC3E}">
        <p14:creationId xmlns:p14="http://schemas.microsoft.com/office/powerpoint/2010/main" val="15735806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1: Influence of vaccination rate on reproduction rate and death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4262705"/>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is to investigate the relationship betwee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Reproduction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003 (0.0005 for FVR);</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value was only 2.5% (5.1% for FVR), indicating a weak correlation.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Vaccination rate and Death rate:</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observed a moderate to low association;</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slope of the regression line was -0.016 (-0.0178 for FVR), suggesting that higher vaccination rates were associated with lower death rates. </a:t>
            </a:r>
          </a:p>
          <a:p>
            <a:pPr marL="742950" lvl="1"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 R-value was -32.4% (-35.9% for FVR), indicating a negative correlation.</a:t>
            </a:r>
          </a:p>
        </p:txBody>
      </p:sp>
      <p:pic>
        <p:nvPicPr>
          <p:cNvPr id="27" name="Picture 26" descr="Chart, scatter chart&#10;&#10;Description automatically generated">
            <a:extLst>
              <a:ext uri="{FF2B5EF4-FFF2-40B4-BE49-F238E27FC236}">
                <a16:creationId xmlns:a16="http://schemas.microsoft.com/office/drawing/2014/main" id="{270F0EA4-3F73-4084-07DC-52AC3FE887D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9600" y="2124925"/>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29" name="Picture 28" descr="Diagram&#10;&#10;Description automatically generated">
            <a:extLst>
              <a:ext uri="{FF2B5EF4-FFF2-40B4-BE49-F238E27FC236}">
                <a16:creationId xmlns:a16="http://schemas.microsoft.com/office/drawing/2014/main" id="{7AD1E20A-579D-FE0F-F054-3FBFA0AB1D0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69686" y="2124926"/>
            <a:ext cx="3135870" cy="3135870"/>
          </a:xfrm>
          <a:prstGeom prst="rect">
            <a:avLst/>
          </a:prstGeom>
          <a:ln>
            <a:solidFill>
              <a:schemeClr val="tx1"/>
            </a:solidFill>
          </a:ln>
          <a:effectLst>
            <a:outerShdw blurRad="50800" dist="38100" dir="2700000" algn="tl" rotWithShape="0">
              <a:prstClr val="black">
                <a:alpha val="40000"/>
              </a:prstClr>
            </a:outerShdw>
          </a:effectLst>
        </p:spPr>
      </p:pic>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spTree>
    <p:extLst>
      <p:ext uri="{BB962C8B-B14F-4D97-AF65-F5344CB8AC3E}">
        <p14:creationId xmlns:p14="http://schemas.microsoft.com/office/powerpoint/2010/main" val="2252438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2: Visible differences between high or low levels of vaccination rate</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1985159"/>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investigated whether there were discernible differences in either Reproduction- or Death rates between high and low levels of Vaccination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found no significant contrast between the level of Vaccination rate and either the Reproduction Rate or the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level of Vaccination rate alone is not sufficient to predict changes in outcome.</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5" name="Picture 4" descr="Chart, box and whisker chart&#10;&#10;Description automatically generated">
            <a:extLst>
              <a:ext uri="{FF2B5EF4-FFF2-40B4-BE49-F238E27FC236}">
                <a16:creationId xmlns:a16="http://schemas.microsoft.com/office/drawing/2014/main" id="{8149C4CA-23D4-C18C-537D-0D0BE938646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661" y="2514242"/>
            <a:ext cx="3345357" cy="2509021"/>
          </a:xfrm>
          <a:prstGeom prst="rect">
            <a:avLst/>
          </a:prstGeom>
          <a:ln>
            <a:solidFill>
              <a:schemeClr val="tx1"/>
            </a:solidFill>
          </a:ln>
          <a:effectLst>
            <a:outerShdw blurRad="50800" dist="38100" dir="2700000" algn="tl" rotWithShape="0">
              <a:prstClr val="black">
                <a:alpha val="40000"/>
              </a:prstClr>
            </a:outerShdw>
          </a:effectLst>
        </p:spPr>
      </p:pic>
      <p:pic>
        <p:nvPicPr>
          <p:cNvPr id="6" name="Picture 5" descr="Calendar&#10;&#10;Description automatically generated">
            <a:extLst>
              <a:ext uri="{FF2B5EF4-FFF2-40B4-BE49-F238E27FC236}">
                <a16:creationId xmlns:a16="http://schemas.microsoft.com/office/drawing/2014/main" id="{A662AE66-F228-1749-2E65-A22F0EBE66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940097" y="2514242"/>
            <a:ext cx="3345357" cy="2509021"/>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96623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Vaccination Rate</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Part 3: Regional discrepancies between Europe, Asia and Americas</a:t>
            </a:r>
          </a:p>
        </p:txBody>
      </p:sp>
      <p:sp>
        <p:nvSpPr>
          <p:cNvPr id="3" name="Rectangle 2">
            <a:extLst>
              <a:ext uri="{FF2B5EF4-FFF2-40B4-BE49-F238E27FC236}">
                <a16:creationId xmlns:a16="http://schemas.microsoft.com/office/drawing/2014/main" id="{F8DE80A3-CBC1-B61B-DF0B-A9CB537D6AE8}"/>
              </a:ext>
            </a:extLst>
          </p:cNvPr>
          <p:cNvSpPr/>
          <p:nvPr/>
        </p:nvSpPr>
        <p:spPr>
          <a:xfrm>
            <a:off x="7563944" y="0"/>
            <a:ext cx="4628056" cy="6858000"/>
          </a:xfrm>
          <a:prstGeom prst="rect">
            <a:avLst/>
          </a:prstGeom>
          <a:solidFill>
            <a:schemeClr val="bg1">
              <a:lumMod val="9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TextBox 14">
            <a:extLst>
              <a:ext uri="{FF2B5EF4-FFF2-40B4-BE49-F238E27FC236}">
                <a16:creationId xmlns:a16="http://schemas.microsoft.com/office/drawing/2014/main" id="{0DA67B25-C0A7-A65F-FFB5-1C134EFC4A48}"/>
              </a:ext>
            </a:extLst>
          </p:cNvPr>
          <p:cNvSpPr txBox="1"/>
          <p:nvPr/>
        </p:nvSpPr>
        <p:spPr>
          <a:xfrm>
            <a:off x="7646023" y="2124925"/>
            <a:ext cx="4463897" cy="3801041"/>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Outcom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We performed a linear regression analyses separately for each continent to explore the relationship between Vaccination rate and Death rate;</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Asia, we found a negative slope of -0.012 and an R-value of -27.6%,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Europe, we observed a steeper negative slope of -0.018 and a stronger negative correlation with an R-value of -56.4%.</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In the Americas, we found a similar negative slope of -0.019 and an R-value of -27.8%, indicating a moderate negative correlation between Vaccination rate and Death rate; </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Therefore, we conclude that there are some regional disparities in the strength of the association between Vaccination rate and Death rate, with Europe showing the strongest negative correlation.</a:t>
            </a:r>
          </a:p>
        </p:txBody>
      </p:sp>
      <p:pic>
        <p:nvPicPr>
          <p:cNvPr id="4" name="Picture 3">
            <a:extLst>
              <a:ext uri="{FF2B5EF4-FFF2-40B4-BE49-F238E27FC236}">
                <a16:creationId xmlns:a16="http://schemas.microsoft.com/office/drawing/2014/main" id="{BBD01265-22C2-D44C-6CFD-21EC775D8082}"/>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606883" y="484840"/>
            <a:ext cx="766104" cy="842477"/>
          </a:xfrm>
          <a:prstGeom prst="rect">
            <a:avLst/>
          </a:prstGeom>
        </p:spPr>
      </p:pic>
      <p:pic>
        <p:nvPicPr>
          <p:cNvPr id="7" name="Picture 6" descr="Graphical user interface, diagram, application&#10;&#10;Description automatically generated">
            <a:extLst>
              <a:ext uri="{FF2B5EF4-FFF2-40B4-BE49-F238E27FC236}">
                <a16:creationId xmlns:a16="http://schemas.microsoft.com/office/drawing/2014/main" id="{4B2409D5-D7EF-4450-D625-F20DC7AFD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 y="1755937"/>
            <a:ext cx="2455525" cy="2455525"/>
          </a:xfrm>
          <a:prstGeom prst="rect">
            <a:avLst/>
          </a:prstGeom>
          <a:ln>
            <a:solidFill>
              <a:schemeClr val="tx1"/>
            </a:solidFill>
          </a:ln>
          <a:effectLst>
            <a:outerShdw blurRad="50800" dist="38100" dir="2700000" algn="tl" rotWithShape="0">
              <a:prstClr val="black">
                <a:alpha val="40000"/>
              </a:prstClr>
            </a:outerShdw>
          </a:effectLst>
        </p:spPr>
      </p:pic>
      <p:pic>
        <p:nvPicPr>
          <p:cNvPr id="8" name="Picture 7" descr="Chart&#10;&#10;Description automatically generated">
            <a:extLst>
              <a:ext uri="{FF2B5EF4-FFF2-40B4-BE49-F238E27FC236}">
                <a16:creationId xmlns:a16="http://schemas.microsoft.com/office/drawing/2014/main" id="{A9C74C69-B9AC-070D-61F5-6687069893F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66526" y="2836976"/>
            <a:ext cx="2504879" cy="2504879"/>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descr="Graphical user interface&#10;&#10;Description automatically generated">
            <a:extLst>
              <a:ext uri="{FF2B5EF4-FFF2-40B4-BE49-F238E27FC236}">
                <a16:creationId xmlns:a16="http://schemas.microsoft.com/office/drawing/2014/main" id="{4D69FC93-B6C7-4AD4-330A-707C2231FD4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772806" y="3967369"/>
            <a:ext cx="2529929" cy="2529929"/>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70590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4400" dirty="0"/>
              <a:t>Factor: Air Quality</a:t>
            </a:r>
            <a:br>
              <a:rPr lang="en-GB" sz="4400" dirty="0"/>
            </a:br>
            <a:br>
              <a:rPr lang="en-GB" sz="4400" dirty="0"/>
            </a:br>
            <a:endParaRPr lang="en-GB" sz="4400" dirty="0"/>
          </a:p>
        </p:txBody>
      </p:sp>
      <p:sp>
        <p:nvSpPr>
          <p:cNvPr id="10" name="TextBox 9">
            <a:extLst>
              <a:ext uri="{FF2B5EF4-FFF2-40B4-BE49-F238E27FC236}">
                <a16:creationId xmlns:a16="http://schemas.microsoft.com/office/drawing/2014/main" id="{69C24F2A-80FB-A4C8-4845-7634C6D7F389}"/>
              </a:ext>
            </a:extLst>
          </p:cNvPr>
          <p:cNvSpPr txBox="1"/>
          <p:nvPr/>
        </p:nvSpPr>
        <p:spPr>
          <a:xfrm>
            <a:off x="609600" y="1226372"/>
            <a:ext cx="9880600" cy="338554"/>
          </a:xfrm>
          <a:prstGeom prst="rect">
            <a:avLst/>
          </a:prstGeom>
          <a:noFill/>
        </p:spPr>
        <p:txBody>
          <a:bodyPr wrap="square" rtlCol="0">
            <a:spAutoFit/>
          </a:bodyPr>
          <a:lstStyle/>
          <a:p>
            <a:r>
              <a:rPr lang="en-GB" sz="1600" dirty="0">
                <a:solidFill>
                  <a:schemeClr val="tx2"/>
                </a:solidFill>
                <a:latin typeface="Arial" panose="020B0604020202020204" pitchFamily="34" charset="0"/>
                <a:cs typeface="Arial" panose="020B0604020202020204" pitchFamily="34" charset="0"/>
              </a:rPr>
              <a:t>Hypothesis: Areas with poor air quality have shown higher rates of COVID-19 cases.</a:t>
            </a:r>
          </a:p>
        </p:txBody>
      </p:sp>
      <p:sp>
        <p:nvSpPr>
          <p:cNvPr id="15" name="TextBox 14">
            <a:extLst>
              <a:ext uri="{FF2B5EF4-FFF2-40B4-BE49-F238E27FC236}">
                <a16:creationId xmlns:a16="http://schemas.microsoft.com/office/drawing/2014/main" id="{0DA67B25-C0A7-A65F-FFB5-1C134EFC4A48}"/>
              </a:ext>
            </a:extLst>
          </p:cNvPr>
          <p:cNvSpPr txBox="1"/>
          <p:nvPr/>
        </p:nvSpPr>
        <p:spPr>
          <a:xfrm>
            <a:off x="742021" y="2068976"/>
            <a:ext cx="5892695" cy="3370153"/>
          </a:xfrm>
          <a:prstGeom prst="rect">
            <a:avLst/>
          </a:prstGeom>
          <a:noFill/>
        </p:spPr>
        <p:txBody>
          <a:bodyPr wrap="square" rtlCol="0">
            <a:spAutoFit/>
          </a:bodyPr>
          <a:lstStyle/>
          <a:p>
            <a:pPr>
              <a:spcBef>
                <a:spcPts val="600"/>
              </a:spcBef>
            </a:pPr>
            <a:r>
              <a:rPr lang="en-GB" sz="1200" b="1" dirty="0">
                <a:solidFill>
                  <a:schemeClr val="tx2"/>
                </a:solidFill>
                <a:latin typeface="Arial" panose="020B0604020202020204" pitchFamily="34" charset="0"/>
                <a:cs typeface="Arial" panose="020B0604020202020204" pitchFamily="34" charset="0"/>
              </a:rPr>
              <a:t>Variabl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Pollution Rank by Country: Rank of  world most polluted countri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Confirmed Covid Rate: Covid cases divide by country population.</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Death Rate: Total number of  Covid death cases in each country divided by total confirmed Covid cases.</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ecovered Rate: Total number of Covid recovered cases in each country divided by total confirmed Covid Cases in each Country.</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a:p>
            <a:pPr>
              <a:spcBef>
                <a:spcPts val="600"/>
              </a:spcBef>
            </a:pPr>
            <a:r>
              <a:rPr lang="en-GB" sz="1200" b="1" dirty="0">
                <a:solidFill>
                  <a:schemeClr val="tx2"/>
                </a:solidFill>
                <a:latin typeface="Arial" panose="020B0604020202020204" pitchFamily="34" charset="0"/>
                <a:cs typeface="Arial" panose="020B0604020202020204" pitchFamily="34" charset="0"/>
              </a:rPr>
              <a:t>Dataset:</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Rank of  world most polluted countries based on pollution rate from 2018 to 2021</a:t>
            </a:r>
          </a:p>
          <a:p>
            <a:pPr marL="285750" indent="-285750">
              <a:spcBef>
                <a:spcPts val="600"/>
              </a:spcBef>
              <a:buFont typeface="Arial" panose="020B0604020202020204" pitchFamily="34" charset="0"/>
              <a:buChar char="•"/>
            </a:pPr>
            <a:r>
              <a:rPr lang="en-GB" sz="1200" dirty="0">
                <a:solidFill>
                  <a:schemeClr val="tx2"/>
                </a:solidFill>
                <a:latin typeface="Arial" panose="020B0604020202020204" pitchFamily="34" charset="0"/>
                <a:cs typeface="Arial" panose="020B0604020202020204" pitchFamily="34" charset="0"/>
              </a:rPr>
              <a:t>Latest covid data set: accumulated data on all covid cases worldwide (from 2019-2021).</a:t>
            </a:r>
          </a:p>
          <a:p>
            <a:pPr>
              <a:spcBef>
                <a:spcPts val="600"/>
              </a:spcBef>
            </a:pPr>
            <a:endParaRPr lang="en-GB" sz="1200" dirty="0">
              <a:solidFill>
                <a:schemeClr val="tx2"/>
              </a:solidFill>
              <a:latin typeface="Arial" panose="020B0604020202020204" pitchFamily="34" charset="0"/>
              <a:cs typeface="Arial" panose="020B0604020202020204" pitchFamily="34" charset="0"/>
            </a:endParaRPr>
          </a:p>
        </p:txBody>
      </p:sp>
      <p:pic>
        <p:nvPicPr>
          <p:cNvPr id="5" name="Picture 4">
            <a:extLst>
              <a:ext uri="{FF2B5EF4-FFF2-40B4-BE49-F238E27FC236}">
                <a16:creationId xmlns:a16="http://schemas.microsoft.com/office/drawing/2014/main" id="{E5A3275A-BA07-BA25-93B5-BF9B70319BF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0565919" y="383895"/>
            <a:ext cx="766937" cy="842477"/>
          </a:xfrm>
          <a:prstGeom prst="rect">
            <a:avLst/>
          </a:prstGeom>
        </p:spPr>
      </p:pic>
      <p:pic>
        <p:nvPicPr>
          <p:cNvPr id="11" name="Picture 10" descr="A picture containing nature&#10;&#10;Description automatically generated">
            <a:extLst>
              <a:ext uri="{FF2B5EF4-FFF2-40B4-BE49-F238E27FC236}">
                <a16:creationId xmlns:a16="http://schemas.microsoft.com/office/drawing/2014/main" id="{D9B0935E-908E-DF2E-95EE-5BCAC3FB87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78738" y="2205511"/>
            <a:ext cx="4822003" cy="3285856"/>
          </a:xfrm>
          <a:prstGeom prst="rect">
            <a:avLst/>
          </a:prstGeom>
          <a:ln>
            <a:solidFill>
              <a:schemeClr val="tx2"/>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6940134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17165193750868"/>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nysb\AppData\Local\Temp\Templafy\PowerPointVsto\Assets\readimage.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NysBR3\AppData\Local\Temp\Templafy\PowerPointVsto\Assets\readimage.png"/>
</p:tagLst>
</file>

<file path=ppt/theme/theme1.xml><?xml version="1.0" encoding="utf-8"?>
<a:theme xmlns:a="http://schemas.openxmlformats.org/drawingml/2006/main" name="Rabobank (2021)">
  <a:themeElements>
    <a:clrScheme name="Rabobank (2021)">
      <a:dk1>
        <a:srgbClr val="363A3B"/>
      </a:dk1>
      <a:lt1>
        <a:sysClr val="window" lastClr="FFFFFF"/>
      </a:lt1>
      <a:dk2>
        <a:srgbClr val="000060"/>
      </a:dk2>
      <a:lt2>
        <a:srgbClr val="FFFFFF"/>
      </a:lt2>
      <a:accent1>
        <a:srgbClr val="0058FF"/>
      </a:accent1>
      <a:accent2>
        <a:srgbClr val="000FAA"/>
      </a:accent2>
      <a:accent3>
        <a:srgbClr val="FF6700"/>
      </a:accent3>
      <a:accent4>
        <a:srgbClr val="FFB42D"/>
      </a:accent4>
      <a:accent5>
        <a:srgbClr val="00B269"/>
      </a:accent5>
      <a:accent6>
        <a:srgbClr val="D8D9DA"/>
      </a:accent6>
      <a:hlink>
        <a:srgbClr val="FF6700"/>
      </a:hlink>
      <a:folHlink>
        <a:srgbClr val="FFB42D"/>
      </a:folHlink>
    </a:clrScheme>
    <a:fontScheme name="Rabobank (2021)">
      <a:majorFont>
        <a:latin typeface="Myriad for Rabobank It"/>
        <a:ea typeface=""/>
        <a:cs typeface=""/>
      </a:majorFont>
      <a:minorFont>
        <a:latin typeface="Myriad for Raboban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ay 1">
      <a:srgbClr val="000000"/>
    </a:custClr>
    <a:custClr name="Gray 2">
      <a:srgbClr val="202122"/>
    </a:custClr>
    <a:custClr name="Gray 3">
      <a:srgbClr val="414244"/>
    </a:custClr>
    <a:custClr name="Gray 4">
      <a:srgbClr val="5F6063"/>
    </a:custClr>
    <a:custClr name="Gray 5">
      <a:srgbClr val="737578"/>
    </a:custClr>
    <a:custClr name="Gray 6">
      <a:srgbClr val="9C9EA0"/>
    </a:custClr>
    <a:custClr name="Gray 7">
      <a:srgbClr val="BBBCBE"/>
    </a:custClr>
    <a:custClr name="Gray 8">
      <a:srgbClr val="E0E0E1"/>
    </a:custClr>
    <a:custClr name="Gray 9">
      <a:srgbClr val="EDEDEE"/>
    </a:custClr>
    <a:custClr name="Gray 10">
      <a:srgbClr val="F5F5F5"/>
    </a:custClr>
    <a:custClr name="Blue 1">
      <a:srgbClr val="000060"/>
    </a:custClr>
    <a:custClr name="Brand Dark Blue">
      <a:srgbClr val="000FAA"/>
    </a:custClr>
    <a:custClr name="Brand Bright Blue">
      <a:srgbClr val="0058FF"/>
    </a:custClr>
    <a:custClr name="Blue 4">
      <a:srgbClr val="0089FF"/>
    </a:custClr>
    <a:custClr name="Info Blue">
      <a:srgbClr val="58C9FF"/>
    </a:custClr>
    <a:custClr name="Orange 1">
      <a:srgbClr val="801604"/>
    </a:custClr>
    <a:custClr name="Error Red">
      <a:srgbClr val="E03000"/>
    </a:custClr>
    <a:custClr name="Orange 3">
      <a:srgbClr val="FF6700"/>
    </a:custClr>
    <a:custClr name="Brand Yellow-Orange">
      <a:srgbClr val="FFBC1F"/>
    </a:custClr>
    <a:custClr name="Orange 5">
      <a:srgbClr val="FFD983"/>
    </a:custClr>
    <a:custClr name="Green 1">
      <a:srgbClr val="006E46"/>
    </a:custClr>
    <a:custClr name="Green 2">
      <a:srgbClr val="009354"/>
    </a:custClr>
    <a:custClr name="Success Green">
      <a:srgbClr val="00B269"/>
    </a:custClr>
    <a:custClr name="Illustration Green">
      <a:srgbClr val="00CD87"/>
    </a:custClr>
    <a:custClr name="Green 5">
      <a:srgbClr val="55E6B4"/>
    </a:custClr>
  </a:custClrLst>
  <a:extLst>
    <a:ext uri="{05A4C25C-085E-4340-85A3-A5531E510DB2}">
      <thm15:themeFamily xmlns:thm15="http://schemas.microsoft.com/office/thememl/2012/main" name="Slidedeck Rabobank 2021" id="{4D3E1522-9B5B-FE47-BC0A-593F1D2F1BD0}" vid="{1082A664-B51A-1C40-B4BA-B66D1C5CEFB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d9a8d4e9-2c4f-4528-a4a4-07aa84423898">
      <Terms xmlns="http://schemas.microsoft.com/office/infopath/2007/PartnerControls"/>
    </lcf76f155ced4ddcb4097134ff3c332f>
  </documentManagement>
</p:properties>
</file>

<file path=customXml/item2.xml><?xml version="1.0" encoding="utf-8"?>
<TemplafyFormConfiguration><![CDATA[{"formFields":[],"formDataEntries":[]}]]></TemplafyFormConfiguration>
</file>

<file path=customXml/item3.xml><?xml version="1.0" encoding="utf-8"?>
<ct:contentTypeSchema xmlns:ct="http://schemas.microsoft.com/office/2006/metadata/contentType" xmlns:ma="http://schemas.microsoft.com/office/2006/metadata/properties/metaAttributes" ct:_="" ma:_="" ma:contentTypeName="Document" ma:contentTypeID="0x0101006271D4B73A12D042B9DA022E0F890D9E" ma:contentTypeVersion="14" ma:contentTypeDescription="Create a new document." ma:contentTypeScope="" ma:versionID="7319f58e255e1fe66d955269b1f684ab">
  <xsd:schema xmlns:xsd="http://www.w3.org/2001/XMLSchema" xmlns:xs="http://www.w3.org/2001/XMLSchema" xmlns:p="http://schemas.microsoft.com/office/2006/metadata/properties" xmlns:ns2="d9a8d4e9-2c4f-4528-a4a4-07aa84423898" xmlns:ns3="5d933e55-f6d1-43d7-be6d-d69cfab4385e" targetNamespace="http://schemas.microsoft.com/office/2006/metadata/properties" ma:root="true" ma:fieldsID="2126f72483e5749287ef39e8e9ceea03" ns2:_="" ns3:_="">
    <xsd:import namespace="d9a8d4e9-2c4f-4528-a4a4-07aa84423898"/>
    <xsd:import namespace="5d933e55-f6d1-43d7-be6d-d69cfab4385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lcf76f155ced4ddcb4097134ff3c332f" minOccurs="0"/>
                <xsd:element ref="ns2:MediaServiceDateTaken" minOccurs="0"/>
                <xsd:element ref="ns2:MediaServiceOCR" minOccurs="0"/>
                <xsd:element ref="ns2:MediaServiceGenerationTime" minOccurs="0"/>
                <xsd:element ref="ns2:MediaServiceEventHashCode" minOccurs="0"/>
                <xsd:element ref="ns2:MediaLengthInSeconds"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9a8d4e9-2c4f-4528-a4a4-07aa8442389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303c4af3-d430-4f28-9747-46973365dcb5" ma:termSetId="09814cd3-568e-fe90-9814-8d621ff8fb84" ma:anchorId="fba54fb3-c3e1-fe81-a776-ca4b69148c4d" ma:open="true" ma:isKeyword="false">
      <xsd:complexType>
        <xsd:sequence>
          <xsd:element ref="pc:Terms" minOccurs="0" maxOccurs="1"/>
        </xsd:sequence>
      </xsd:complexType>
    </xsd:element>
    <xsd:element name="MediaServiceDateTaken" ma:index="14" nillable="true" ma:displayName="MediaServiceDateTaken" ma:hidden="true" ma:internalName="MediaServiceDateTake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MediaServiceLocation" ma:index="19"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d933e55-f6d1-43d7-be6d-d69cfab4385e" elementFormDefault="qualified">
    <xsd:import namespace="http://schemas.microsoft.com/office/2006/documentManagement/types"/>
    <xsd:import namespace="http://schemas.microsoft.com/office/infopath/2007/PartnerControls"/>
    <xsd:element name="SharedWithUsers" ma:index="2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TemplateConfiguration><![CDATA[{"elementsMetadata":[],"transformationConfigurations":[{"language":"{{UserProfile.DocumentLanguage.Iana}}","disableUpdates":false,"type":"proofingLanguage"}],"enableDocumentContentUpdater":false,"version":"1.10"}]]></TemplafyTemplate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54DA79A-DB40-4798-A8AC-D02DEC5E0D43}">
  <ds:schemaRefs>
    <ds:schemaRef ds:uri="http://purl.org/dc/terms/"/>
    <ds:schemaRef ds:uri="3c65e5b2-c78a-46eb-9fd9-fd3b8028053f"/>
    <ds:schemaRef ds:uri="http://schemas.microsoft.com/office/2006/documentManagement/types"/>
    <ds:schemaRef ds:uri="http://purl.org/dc/elements/1.1/"/>
    <ds:schemaRef ds:uri="http://purl.org/dc/dcmitype/"/>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50142f23-7321-4553-b2a8-62fce60b53b5"/>
    <ds:schemaRef ds:uri="d9a8d4e9-2c4f-4528-a4a4-07aa84423898"/>
  </ds:schemaRefs>
</ds:datastoreItem>
</file>

<file path=customXml/itemProps2.xml><?xml version="1.0" encoding="utf-8"?>
<ds:datastoreItem xmlns:ds="http://schemas.openxmlformats.org/officeDocument/2006/customXml" ds:itemID="{6DF3E12A-6C1E-4E88-8400-118A6A2BB65F}">
  <ds:schemaRefs/>
</ds:datastoreItem>
</file>

<file path=customXml/itemProps3.xml><?xml version="1.0" encoding="utf-8"?>
<ds:datastoreItem xmlns:ds="http://schemas.openxmlformats.org/officeDocument/2006/customXml" ds:itemID="{6B03D7B4-95CF-4B6D-B664-0532BE431CE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9a8d4e9-2c4f-4528-a4a4-07aa84423898"/>
    <ds:schemaRef ds:uri="5d933e55-f6d1-43d7-be6d-d69cfab4385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9B96071-12D7-45F2-BE4E-8DF39564C746}">
  <ds:schemaRefs/>
</ds:datastoreItem>
</file>

<file path=customXml/itemProps5.xml><?xml version="1.0" encoding="utf-8"?>
<ds:datastoreItem xmlns:ds="http://schemas.openxmlformats.org/officeDocument/2006/customXml" ds:itemID="{315C6B6F-3F60-4A48-A01A-A17079FA84E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10490</TotalTime>
  <Words>1354</Words>
  <Application>Microsoft Office PowerPoint</Application>
  <PresentationFormat>Widescreen</PresentationFormat>
  <Paragraphs>110</Paragraphs>
  <Slides>12</Slides>
  <Notes>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Myriad for Rabobank</vt:lpstr>
      <vt:lpstr>Myriad for Rabobank SBd</vt:lpstr>
      <vt:lpstr>Myriad for Rabobank Lt</vt:lpstr>
      <vt:lpstr>Myriad for Rabobank SBd It</vt:lpstr>
      <vt:lpstr>Arial</vt:lpstr>
      <vt:lpstr>Myriad for Rabobank It</vt:lpstr>
      <vt:lpstr>Myriad Pro</vt:lpstr>
      <vt:lpstr>Myriad for Rabobank Bd It</vt:lpstr>
      <vt:lpstr>Rabobank (2021)</vt:lpstr>
      <vt:lpstr>The influence of various factors on the spread of COVID-19</vt:lpstr>
      <vt:lpstr>The factors that we have considered…</vt:lpstr>
      <vt:lpstr>Factor: Government Response </vt:lpstr>
      <vt:lpstr>Factor: Government Response </vt:lpstr>
      <vt:lpstr>Factor: Vaccination Rate  </vt:lpstr>
      <vt:lpstr>Factor: Vaccination Rate  </vt:lpstr>
      <vt:lpstr>Factor: Vaccination Rate  </vt:lpstr>
      <vt:lpstr>Factor: Vaccination Rate  </vt:lpstr>
      <vt:lpstr>Factor: Air Quality  </vt:lpstr>
      <vt:lpstr>Factor: Air Quality  </vt:lpstr>
      <vt:lpstr>Factor: Air Quality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deck Rabobank</dc:title>
  <dc:creator>Brecht Nys</dc:creator>
  <cp:lastModifiedBy>Brecht Nys</cp:lastModifiedBy>
  <cp:revision>333</cp:revision>
  <cp:lastPrinted>2021-12-19T14:36:36Z</cp:lastPrinted>
  <dcterms:created xsi:type="dcterms:W3CDTF">2021-12-16T08:31:56Z</dcterms:created>
  <dcterms:modified xsi:type="dcterms:W3CDTF">2023-04-10T22:57: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271D4B73A12D042B9DA022E0F890D9E</vt:lpwstr>
  </property>
  <property fmtid="{D5CDD505-2E9C-101B-9397-08002B2CF9AE}" pid="3" name="MediaServiceImageTags">
    <vt:lpwstr/>
  </property>
</Properties>
</file>